
<file path=[Content_Types].xml><?xml version="1.0" encoding="utf-8"?>
<Types xmlns="http://schemas.openxmlformats.org/package/2006/content-types"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738" r:id="rId5"/>
  </p:sldMasterIdLst>
  <p:sldIdLst>
    <p:sldId id="256" r:id="rId6"/>
    <p:sldId id="266" r:id="rId7"/>
    <p:sldId id="257" r:id="rId8"/>
    <p:sldId id="260" r:id="rId9"/>
    <p:sldId id="258" r:id="rId10"/>
    <p:sldId id="267" r:id="rId11"/>
    <p:sldId id="259" r:id="rId12"/>
    <p:sldId id="262" r:id="rId13"/>
    <p:sldId id="263" r:id="rId14"/>
    <p:sldId id="264" r:id="rId15"/>
    <p:sldId id="265" r:id="rId16"/>
    <p:sldId id="261" r:id="rId17"/>
  </p:sldIdLst>
  <p:sldSz cx="12192000" cy="6858000"/>
  <p:notesSz cx="6858000" cy="9144000"/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9A65E9B-09DE-DA42-2972-0EDD97191087}" v="90" dt="2022-11-12T04:55:07.399"/>
    <p1510:client id="{15FC57D1-4F75-B04B-6315-1D9FE91683AA}" v="136" dt="2022-11-12T05:47:24.690"/>
    <p1510:client id="{3C871364-2641-4F32-BD7B-A10A1F2A9F0F}" v="396" dt="2022-11-12T03:52:11.820"/>
    <p1510:client id="{A1CC3CF4-EE41-428C-BF30-A121827D6DE2}" v="136" dt="2022-11-12T17:13:27.51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>
        <p:scale>
          <a:sx n="82" d="100"/>
          <a:sy n="82" d="100"/>
        </p:scale>
        <p:origin x="691" y="7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microsoft.com/office/2015/10/relationships/revisionInfo" Target="revisionInfo.xml"/><Relationship Id="rId10" Type="http://schemas.openxmlformats.org/officeDocument/2006/relationships/slide" Target="slides/slide5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umastha, Aishwarya" userId="c77deb15-22f5-4d51-acbd-f3874f2cbd76" providerId="ADAL" clId="{9D2657D3-423E-4D39-892E-88A4911D640B}"/>
    <pc:docChg chg="undo custSel addSld delSld modSld">
      <pc:chgData name="Gumastha, Aishwarya" userId="c77deb15-22f5-4d51-acbd-f3874f2cbd76" providerId="ADAL" clId="{9D2657D3-423E-4D39-892E-88A4911D640B}" dt="2022-11-11T14:39:30.976" v="1934"/>
      <pc:docMkLst>
        <pc:docMk/>
      </pc:docMkLst>
      <pc:sldChg chg="addSp delSp modSp mod delAnim modAnim">
        <pc:chgData name="Gumastha, Aishwarya" userId="c77deb15-22f5-4d51-acbd-f3874f2cbd76" providerId="ADAL" clId="{9D2657D3-423E-4D39-892E-88A4911D640B}" dt="2022-11-11T14:39:30.976" v="1934"/>
        <pc:sldMkLst>
          <pc:docMk/>
          <pc:sldMk cId="4195061691" sldId="257"/>
        </pc:sldMkLst>
        <pc:spChg chg="mod">
          <ac:chgData name="Gumastha, Aishwarya" userId="c77deb15-22f5-4d51-acbd-f3874f2cbd76" providerId="ADAL" clId="{9D2657D3-423E-4D39-892E-88A4911D640B}" dt="2022-11-11T14:18:47.251" v="1721" actId="20577"/>
          <ac:spMkLst>
            <pc:docMk/>
            <pc:sldMk cId="4195061691" sldId="257"/>
            <ac:spMk id="2" creationId="{779E3899-A5F0-4F47-80A7-71ADC748D56C}"/>
          </ac:spMkLst>
        </pc:spChg>
        <pc:spChg chg="mod">
          <ac:chgData name="Gumastha, Aishwarya" userId="c77deb15-22f5-4d51-acbd-f3874f2cbd76" providerId="ADAL" clId="{9D2657D3-423E-4D39-892E-88A4911D640B}" dt="2022-11-11T14:20:57.431" v="1822" actId="20577"/>
          <ac:spMkLst>
            <pc:docMk/>
            <pc:sldMk cId="4195061691" sldId="257"/>
            <ac:spMk id="4" creationId="{696EE638-7C24-43C3-9263-D0455820DAEA}"/>
          </ac:spMkLst>
        </pc:spChg>
        <pc:picChg chg="add del mod">
          <ac:chgData name="Gumastha, Aishwarya" userId="c77deb15-22f5-4d51-acbd-f3874f2cbd76" providerId="ADAL" clId="{9D2657D3-423E-4D39-892E-88A4911D640B}" dt="2022-11-11T14:18:57.906" v="1723" actId="478"/>
          <ac:picMkLst>
            <pc:docMk/>
            <pc:sldMk cId="4195061691" sldId="257"/>
            <ac:picMk id="5" creationId="{8C5AD0E6-452F-457C-9A4D-686612B12303}"/>
          </ac:picMkLst>
        </pc:picChg>
        <pc:picChg chg="del">
          <ac:chgData name="Gumastha, Aishwarya" userId="c77deb15-22f5-4d51-acbd-f3874f2cbd76" providerId="ADAL" clId="{9D2657D3-423E-4D39-892E-88A4911D640B}" dt="2022-11-10T15:06:54.591" v="917" actId="478"/>
          <ac:picMkLst>
            <pc:docMk/>
            <pc:sldMk cId="4195061691" sldId="257"/>
            <ac:picMk id="6" creationId="{D1DE18B5-6C49-4A83-9D34-D9370C0F5131}"/>
          </ac:picMkLst>
        </pc:picChg>
      </pc:sldChg>
      <pc:sldChg chg="addSp modSp mod modAnim">
        <pc:chgData name="Gumastha, Aishwarya" userId="c77deb15-22f5-4d51-acbd-f3874f2cbd76" providerId="ADAL" clId="{9D2657D3-423E-4D39-892E-88A4911D640B}" dt="2022-11-11T14:31:58.293" v="1885"/>
        <pc:sldMkLst>
          <pc:docMk/>
          <pc:sldMk cId="918121804" sldId="258"/>
        </pc:sldMkLst>
        <pc:spChg chg="mod">
          <ac:chgData name="Gumastha, Aishwarya" userId="c77deb15-22f5-4d51-acbd-f3874f2cbd76" providerId="ADAL" clId="{9D2657D3-423E-4D39-892E-88A4911D640B}" dt="2022-11-11T14:27:39.123" v="1833" actId="20577"/>
          <ac:spMkLst>
            <pc:docMk/>
            <pc:sldMk cId="918121804" sldId="258"/>
            <ac:spMk id="2" creationId="{695066F8-6C1E-46A5-AAA4-E22AF2730C28}"/>
          </ac:spMkLst>
        </pc:spChg>
        <pc:spChg chg="mod">
          <ac:chgData name="Gumastha, Aishwarya" userId="c77deb15-22f5-4d51-acbd-f3874f2cbd76" providerId="ADAL" clId="{9D2657D3-423E-4D39-892E-88A4911D640B}" dt="2022-11-11T14:30:03.836" v="1870" actId="1076"/>
          <ac:spMkLst>
            <pc:docMk/>
            <pc:sldMk cId="918121804" sldId="258"/>
            <ac:spMk id="5" creationId="{A348768C-AF3F-4814-8909-99D394F0F57C}"/>
          </ac:spMkLst>
        </pc:spChg>
        <pc:picChg chg="add mod">
          <ac:chgData name="Gumastha, Aishwarya" userId="c77deb15-22f5-4d51-acbd-f3874f2cbd76" providerId="ADAL" clId="{9D2657D3-423E-4D39-892E-88A4911D640B}" dt="2022-11-11T14:30:51.935" v="1878" actId="1076"/>
          <ac:picMkLst>
            <pc:docMk/>
            <pc:sldMk cId="918121804" sldId="258"/>
            <ac:picMk id="2050" creationId="{68916116-0431-4785-A21D-A6D3151918A4}"/>
          </ac:picMkLst>
        </pc:picChg>
        <pc:picChg chg="add mod">
          <ac:chgData name="Gumastha, Aishwarya" userId="c77deb15-22f5-4d51-acbd-f3874f2cbd76" providerId="ADAL" clId="{9D2657D3-423E-4D39-892E-88A4911D640B}" dt="2022-11-11T14:30:49.535" v="1877" actId="1076"/>
          <ac:picMkLst>
            <pc:docMk/>
            <pc:sldMk cId="918121804" sldId="258"/>
            <ac:picMk id="2052" creationId="{C1D2B87D-D505-468F-AEFF-579F14A53E0F}"/>
          </ac:picMkLst>
        </pc:picChg>
      </pc:sldChg>
      <pc:sldChg chg="addSp delSp modSp mod">
        <pc:chgData name="Gumastha, Aishwarya" userId="c77deb15-22f5-4d51-acbd-f3874f2cbd76" providerId="ADAL" clId="{9D2657D3-423E-4D39-892E-88A4911D640B}" dt="2022-11-10T15:44:39.435" v="1325" actId="478"/>
        <pc:sldMkLst>
          <pc:docMk/>
          <pc:sldMk cId="3214515431" sldId="259"/>
        </pc:sldMkLst>
        <pc:spChg chg="del">
          <ac:chgData name="Gumastha, Aishwarya" userId="c77deb15-22f5-4d51-acbd-f3874f2cbd76" providerId="ADAL" clId="{9D2657D3-423E-4D39-892E-88A4911D640B}" dt="2022-11-10T15:44:39.435" v="1325" actId="478"/>
          <ac:spMkLst>
            <pc:docMk/>
            <pc:sldMk cId="3214515431" sldId="259"/>
            <ac:spMk id="21" creationId="{B0BFF0F7-8B9E-4CA5-AEF0-B75EF71242A2}"/>
          </ac:spMkLst>
        </pc:spChg>
        <pc:picChg chg="add mod">
          <ac:chgData name="Gumastha, Aishwarya" userId="c77deb15-22f5-4d51-acbd-f3874f2cbd76" providerId="ADAL" clId="{9D2657D3-423E-4D39-892E-88A4911D640B}" dt="2022-11-10T15:44:36.140" v="1324" actId="1076"/>
          <ac:picMkLst>
            <pc:docMk/>
            <pc:sldMk cId="3214515431" sldId="259"/>
            <ac:picMk id="4" creationId="{D6CB1FE5-C075-45CC-8B22-FD203A2391B8}"/>
          </ac:picMkLst>
        </pc:picChg>
        <pc:picChg chg="del">
          <ac:chgData name="Gumastha, Aishwarya" userId="c77deb15-22f5-4d51-acbd-f3874f2cbd76" providerId="ADAL" clId="{9D2657D3-423E-4D39-892E-88A4911D640B}" dt="2022-11-10T15:44:23.958" v="1319" actId="478"/>
          <ac:picMkLst>
            <pc:docMk/>
            <pc:sldMk cId="3214515431" sldId="259"/>
            <ac:picMk id="20" creationId="{CF4D1AC3-E83F-422B-B60B-ECD6D9BA033A}"/>
          </ac:picMkLst>
        </pc:picChg>
      </pc:sldChg>
      <pc:sldChg chg="modSp mod modAnim">
        <pc:chgData name="Gumastha, Aishwarya" userId="c77deb15-22f5-4d51-acbd-f3874f2cbd76" providerId="ADAL" clId="{9D2657D3-423E-4D39-892E-88A4911D640B}" dt="2022-11-10T15:11:34.131" v="1234" actId="20577"/>
        <pc:sldMkLst>
          <pc:docMk/>
          <pc:sldMk cId="43282625" sldId="260"/>
        </pc:sldMkLst>
        <pc:spChg chg="mod">
          <ac:chgData name="Gumastha, Aishwarya" userId="c77deb15-22f5-4d51-acbd-f3874f2cbd76" providerId="ADAL" clId="{9D2657D3-423E-4D39-892E-88A4911D640B}" dt="2022-11-10T15:11:34.131" v="1234" actId="20577"/>
          <ac:spMkLst>
            <pc:docMk/>
            <pc:sldMk cId="43282625" sldId="260"/>
            <ac:spMk id="3" creationId="{A3127565-6DD8-4439-960E-3574F7AB89AA}"/>
          </ac:spMkLst>
        </pc:spChg>
      </pc:sldChg>
      <pc:sldChg chg="addSp delSp modSp new mod modAnim">
        <pc:chgData name="Gumastha, Aishwarya" userId="c77deb15-22f5-4d51-acbd-f3874f2cbd76" providerId="ADAL" clId="{9D2657D3-423E-4D39-892E-88A4911D640B}" dt="2022-11-11T14:39:14.872" v="1933"/>
        <pc:sldMkLst>
          <pc:docMk/>
          <pc:sldMk cId="1593834131" sldId="266"/>
        </pc:sldMkLst>
        <pc:spChg chg="mod">
          <ac:chgData name="Gumastha, Aishwarya" userId="c77deb15-22f5-4d51-acbd-f3874f2cbd76" providerId="ADAL" clId="{9D2657D3-423E-4D39-892E-88A4911D640B}" dt="2022-11-11T14:18:22.608" v="1710" actId="113"/>
          <ac:spMkLst>
            <pc:docMk/>
            <pc:sldMk cId="1593834131" sldId="266"/>
            <ac:spMk id="2" creationId="{1B5725FA-EF89-4317-B62D-9CB2CAE6A639}"/>
          </ac:spMkLst>
        </pc:spChg>
        <pc:spChg chg="mod">
          <ac:chgData name="Gumastha, Aishwarya" userId="c77deb15-22f5-4d51-acbd-f3874f2cbd76" providerId="ADAL" clId="{9D2657D3-423E-4D39-892E-88A4911D640B}" dt="2022-11-11T14:18:28.255" v="1711" actId="2711"/>
          <ac:spMkLst>
            <pc:docMk/>
            <pc:sldMk cId="1593834131" sldId="266"/>
            <ac:spMk id="3" creationId="{F4F030CC-AFBE-4395-93F3-FA360F4487A7}"/>
          </ac:spMkLst>
        </pc:spChg>
        <pc:spChg chg="mod">
          <ac:chgData name="Gumastha, Aishwarya" userId="c77deb15-22f5-4d51-acbd-f3874f2cbd76" providerId="ADAL" clId="{9D2657D3-423E-4D39-892E-88A4911D640B}" dt="2022-11-11T14:14:45.660" v="1693" actId="18245"/>
          <ac:spMkLst>
            <pc:docMk/>
            <pc:sldMk cId="1593834131" sldId="266"/>
            <ac:spMk id="6" creationId="{EB25B29F-086A-4563-9F8F-DF144AC3653B}"/>
          </ac:spMkLst>
        </pc:spChg>
        <pc:spChg chg="mod">
          <ac:chgData name="Gumastha, Aishwarya" userId="c77deb15-22f5-4d51-acbd-f3874f2cbd76" providerId="ADAL" clId="{9D2657D3-423E-4D39-892E-88A4911D640B}" dt="2022-11-11T14:14:45.660" v="1693" actId="18245"/>
          <ac:spMkLst>
            <pc:docMk/>
            <pc:sldMk cId="1593834131" sldId="266"/>
            <ac:spMk id="7" creationId="{37F9525B-00EA-4CB1-967A-F00477993531}"/>
          </ac:spMkLst>
        </pc:spChg>
        <pc:spChg chg="add mod">
          <ac:chgData name="Gumastha, Aishwarya" userId="c77deb15-22f5-4d51-acbd-f3874f2cbd76" providerId="ADAL" clId="{9D2657D3-423E-4D39-892E-88A4911D640B}" dt="2022-11-11T14:17:56.651" v="1706" actId="14100"/>
          <ac:spMkLst>
            <pc:docMk/>
            <pc:sldMk cId="1593834131" sldId="266"/>
            <ac:spMk id="8" creationId="{A2657AE2-A510-4304-BEBC-EFCD71184872}"/>
          </ac:spMkLst>
        </pc:spChg>
        <pc:grpChg chg="del mod">
          <ac:chgData name="Gumastha, Aishwarya" userId="c77deb15-22f5-4d51-acbd-f3874f2cbd76" providerId="ADAL" clId="{9D2657D3-423E-4D39-892E-88A4911D640B}" dt="2022-11-11T14:17:45.438" v="1702" actId="478"/>
          <ac:grpSpMkLst>
            <pc:docMk/>
            <pc:sldMk cId="1593834131" sldId="266"/>
            <ac:grpSpMk id="5" creationId="{FB51FF3B-A6D1-4370-825D-BD6395EC2190}"/>
          </ac:grpSpMkLst>
        </pc:grpChg>
        <pc:graphicFrameChg chg="add del mod">
          <ac:chgData name="Gumastha, Aishwarya" userId="c77deb15-22f5-4d51-acbd-f3874f2cbd76" providerId="ADAL" clId="{9D2657D3-423E-4D39-892E-88A4911D640B}" dt="2022-11-11T14:14:45.660" v="1693" actId="18245"/>
          <ac:graphicFrameMkLst>
            <pc:docMk/>
            <pc:sldMk cId="1593834131" sldId="266"/>
            <ac:graphicFrameMk id="4" creationId="{30D03BA5-4EA5-4F86-B4C4-F696A3CA095E}"/>
          </ac:graphicFrameMkLst>
        </pc:graphicFrameChg>
        <pc:picChg chg="add del mod">
          <ac:chgData name="Gumastha, Aishwarya" userId="c77deb15-22f5-4d51-acbd-f3874f2cbd76" providerId="ADAL" clId="{9D2657D3-423E-4D39-892E-88A4911D640B}" dt="2022-11-11T14:14:21.439" v="1685" actId="12084"/>
          <ac:picMkLst>
            <pc:docMk/>
            <pc:sldMk cId="1593834131" sldId="266"/>
            <ac:picMk id="1026" creationId="{EB25B29F-086A-4563-9F8F-DF144AC3653B}"/>
          </ac:picMkLst>
        </pc:picChg>
      </pc:sldChg>
      <pc:sldChg chg="new del">
        <pc:chgData name="Gumastha, Aishwarya" userId="c77deb15-22f5-4d51-acbd-f3874f2cbd76" providerId="ADAL" clId="{9D2657D3-423E-4D39-892E-88A4911D640B}" dt="2022-11-11T13:56:32.193" v="1327" actId="47"/>
        <pc:sldMkLst>
          <pc:docMk/>
          <pc:sldMk cId="3816086600" sldId="266"/>
        </pc:sldMkLst>
      </pc:sldChg>
      <pc:sldChg chg="addSp modSp new mod modAnim">
        <pc:chgData name="Gumastha, Aishwarya" userId="c77deb15-22f5-4d51-acbd-f3874f2cbd76" providerId="ADAL" clId="{9D2657D3-423E-4D39-892E-88A4911D640B}" dt="2022-11-11T14:38:29.965" v="1928"/>
        <pc:sldMkLst>
          <pc:docMk/>
          <pc:sldMk cId="369332093" sldId="267"/>
        </pc:sldMkLst>
        <pc:spChg chg="mod">
          <ac:chgData name="Gumastha, Aishwarya" userId="c77deb15-22f5-4d51-acbd-f3874f2cbd76" providerId="ADAL" clId="{9D2657D3-423E-4D39-892E-88A4911D640B}" dt="2022-11-11T14:37:26.724" v="1918" actId="14100"/>
          <ac:spMkLst>
            <pc:docMk/>
            <pc:sldMk cId="369332093" sldId="267"/>
            <ac:spMk id="2" creationId="{4F3BC181-8B35-46B6-A6C7-3FC4B46AC0BE}"/>
          </ac:spMkLst>
        </pc:spChg>
        <pc:spChg chg="mod">
          <ac:chgData name="Gumastha, Aishwarya" userId="c77deb15-22f5-4d51-acbd-f3874f2cbd76" providerId="ADAL" clId="{9D2657D3-423E-4D39-892E-88A4911D640B}" dt="2022-11-11T14:37:21.848" v="1917" actId="2711"/>
          <ac:spMkLst>
            <pc:docMk/>
            <pc:sldMk cId="369332093" sldId="267"/>
            <ac:spMk id="3" creationId="{68744A2F-4C3C-4D7C-BB04-C5ABB457345E}"/>
          </ac:spMkLst>
        </pc:spChg>
        <pc:picChg chg="add mod">
          <ac:chgData name="Gumastha, Aishwarya" userId="c77deb15-22f5-4d51-acbd-f3874f2cbd76" providerId="ADAL" clId="{9D2657D3-423E-4D39-892E-88A4911D640B}" dt="2022-11-11T14:38:06.953" v="1924" actId="14100"/>
          <ac:picMkLst>
            <pc:docMk/>
            <pc:sldMk cId="369332093" sldId="267"/>
            <ac:picMk id="3074" creationId="{ADA64A3B-7B82-42B9-98AC-80EB0456F5D9}"/>
          </ac:picMkLst>
        </pc:picChg>
      </pc:sldChg>
    </pc:docChg>
  </pc:docChgLst>
  <pc:docChgLst>
    <pc:chgData name="Sinha, Pratyush" userId="S::pratyush.sinha01@sap.com::127d360a-b22e-4eae-b506-0f544afeb8d8" providerId="AD" clId="Web-{DE64BCF4-E27A-D194-FBC2-43B5EF02F23A}"/>
    <pc:docChg chg="modSld">
      <pc:chgData name="Sinha, Pratyush" userId="S::pratyush.sinha01@sap.com::127d360a-b22e-4eae-b506-0f544afeb8d8" providerId="AD" clId="Web-{DE64BCF4-E27A-D194-FBC2-43B5EF02F23A}" dt="2022-11-07T18:19:45.544" v="78" actId="1076"/>
      <pc:docMkLst>
        <pc:docMk/>
      </pc:docMkLst>
      <pc:sldChg chg="modSp">
        <pc:chgData name="Sinha, Pratyush" userId="S::pratyush.sinha01@sap.com::127d360a-b22e-4eae-b506-0f544afeb8d8" providerId="AD" clId="Web-{DE64BCF4-E27A-D194-FBC2-43B5EF02F23A}" dt="2022-11-07T18:14:01.861" v="51" actId="20577"/>
        <pc:sldMkLst>
          <pc:docMk/>
          <pc:sldMk cId="1252391395" sldId="256"/>
        </pc:sldMkLst>
        <pc:spChg chg="mod">
          <ac:chgData name="Sinha, Pratyush" userId="S::pratyush.sinha01@sap.com::127d360a-b22e-4eae-b506-0f544afeb8d8" providerId="AD" clId="Web-{DE64BCF4-E27A-D194-FBC2-43B5EF02F23A}" dt="2022-11-07T18:14:01.861" v="51" actId="20577"/>
          <ac:spMkLst>
            <pc:docMk/>
            <pc:sldMk cId="1252391395" sldId="256"/>
            <ac:spMk id="6" creationId="{B6A9850E-D6B0-404E-B0A9-742DA2404952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8:59.167" v="74" actId="1076"/>
        <pc:sldMkLst>
          <pc:docMk/>
          <pc:sldMk cId="4195061691" sldId="257"/>
        </pc:sldMkLst>
        <pc:spChg chg="mod">
          <ac:chgData name="Sinha, Pratyush" userId="S::pratyush.sinha01@sap.com::127d360a-b22e-4eae-b506-0f544afeb8d8" providerId="AD" clId="Web-{DE64BCF4-E27A-D194-FBC2-43B5EF02F23A}" dt="2022-11-07T18:18:59.167" v="74" actId="1076"/>
          <ac:spMkLst>
            <pc:docMk/>
            <pc:sldMk cId="4195061691" sldId="257"/>
            <ac:spMk id="2" creationId="{779E3899-A5F0-4F47-80A7-71ADC748D56C}"/>
          </ac:spMkLst>
        </pc:spChg>
        <pc:spChg chg="mod">
          <ac:chgData name="Sinha, Pratyush" userId="S::pratyush.sinha01@sap.com::127d360a-b22e-4eae-b506-0f544afeb8d8" providerId="AD" clId="Web-{DE64BCF4-E27A-D194-FBC2-43B5EF02F23A}" dt="2022-11-07T18:18:45.105" v="73" actId="20577"/>
          <ac:spMkLst>
            <pc:docMk/>
            <pc:sldMk cId="4195061691" sldId="257"/>
            <ac:spMk id="4" creationId="{696EE638-7C24-43C3-9263-D0455820DAEA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5:27.145" v="61" actId="20577"/>
        <pc:sldMkLst>
          <pc:docMk/>
          <pc:sldMk cId="918121804" sldId="258"/>
        </pc:sldMkLst>
        <pc:spChg chg="mod">
          <ac:chgData name="Sinha, Pratyush" userId="S::pratyush.sinha01@sap.com::127d360a-b22e-4eae-b506-0f544afeb8d8" providerId="AD" clId="Web-{DE64BCF4-E27A-D194-FBC2-43B5EF02F23A}" dt="2022-11-07T18:11:33.700" v="14" actId="1076"/>
          <ac:spMkLst>
            <pc:docMk/>
            <pc:sldMk cId="918121804" sldId="258"/>
            <ac:spMk id="2" creationId="{695066F8-6C1E-46A5-AAA4-E22AF2730C28}"/>
          </ac:spMkLst>
        </pc:spChg>
        <pc:spChg chg="mod">
          <ac:chgData name="Sinha, Pratyush" userId="S::pratyush.sinha01@sap.com::127d360a-b22e-4eae-b506-0f544afeb8d8" providerId="AD" clId="Web-{DE64BCF4-E27A-D194-FBC2-43B5EF02F23A}" dt="2022-11-07T18:15:27.145" v="61" actId="20577"/>
          <ac:spMkLst>
            <pc:docMk/>
            <pc:sldMk cId="918121804" sldId="258"/>
            <ac:spMk id="5" creationId="{A348768C-AF3F-4814-8909-99D394F0F57C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9:11.527" v="75" actId="14100"/>
        <pc:sldMkLst>
          <pc:docMk/>
          <pc:sldMk cId="3214515431" sldId="259"/>
        </pc:sldMkLst>
        <pc:spChg chg="mod">
          <ac:chgData name="Sinha, Pratyush" userId="S::pratyush.sinha01@sap.com::127d360a-b22e-4eae-b506-0f544afeb8d8" providerId="AD" clId="Web-{DE64BCF4-E27A-D194-FBC2-43B5EF02F23A}" dt="2022-11-07T18:19:11.527" v="75" actId="14100"/>
          <ac:spMkLst>
            <pc:docMk/>
            <pc:sldMk cId="3214515431" sldId="259"/>
            <ac:spMk id="2" creationId="{F00679F9-878F-4616-AF62-43F5743CC729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4:51.113" v="58" actId="20577"/>
        <pc:sldMkLst>
          <pc:docMk/>
          <pc:sldMk cId="43282625" sldId="260"/>
        </pc:sldMkLst>
        <pc:spChg chg="mod">
          <ac:chgData name="Sinha, Pratyush" userId="S::pratyush.sinha01@sap.com::127d360a-b22e-4eae-b506-0f544afeb8d8" providerId="AD" clId="Web-{DE64BCF4-E27A-D194-FBC2-43B5EF02F23A}" dt="2022-11-07T18:11:48.529" v="16" actId="1076"/>
          <ac:spMkLst>
            <pc:docMk/>
            <pc:sldMk cId="43282625" sldId="260"/>
            <ac:spMk id="2" creationId="{38DFF245-A2C2-432B-8247-26E0E4A714C5}"/>
          </ac:spMkLst>
        </pc:spChg>
        <pc:spChg chg="mod">
          <ac:chgData name="Sinha, Pratyush" userId="S::pratyush.sinha01@sap.com::127d360a-b22e-4eae-b506-0f544afeb8d8" providerId="AD" clId="Web-{DE64BCF4-E27A-D194-FBC2-43B5EF02F23A}" dt="2022-11-07T18:14:51.113" v="58" actId="20577"/>
          <ac:spMkLst>
            <pc:docMk/>
            <pc:sldMk cId="43282625" sldId="260"/>
            <ac:spMk id="3" creationId="{A3127565-6DD8-4439-960E-3574F7AB89AA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9:20.762" v="76" actId="1076"/>
        <pc:sldMkLst>
          <pc:docMk/>
          <pc:sldMk cId="4215637894" sldId="262"/>
        </pc:sldMkLst>
        <pc:spChg chg="mod">
          <ac:chgData name="Sinha, Pratyush" userId="S::pratyush.sinha01@sap.com::127d360a-b22e-4eae-b506-0f544afeb8d8" providerId="AD" clId="Web-{DE64BCF4-E27A-D194-FBC2-43B5EF02F23A}" dt="2022-11-07T18:19:20.762" v="76" actId="1076"/>
          <ac:spMkLst>
            <pc:docMk/>
            <pc:sldMk cId="4215637894" sldId="262"/>
            <ac:spMk id="18" creationId="{7D01908F-E089-4845-B49F-52C96A1E6AD6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9:33.606" v="77" actId="1076"/>
        <pc:sldMkLst>
          <pc:docMk/>
          <pc:sldMk cId="4119768863" sldId="263"/>
        </pc:sldMkLst>
        <pc:spChg chg="mod">
          <ac:chgData name="Sinha, Pratyush" userId="S::pratyush.sinha01@sap.com::127d360a-b22e-4eae-b506-0f544afeb8d8" providerId="AD" clId="Web-{DE64BCF4-E27A-D194-FBC2-43B5EF02F23A}" dt="2022-11-07T18:19:33.606" v="77" actId="1076"/>
          <ac:spMkLst>
            <pc:docMk/>
            <pc:sldMk cId="4119768863" sldId="263"/>
            <ac:spMk id="18" creationId="{7D01908F-E089-4845-B49F-52C96A1E6AD6}"/>
          </ac:spMkLst>
        </pc:spChg>
      </pc:sldChg>
      <pc:sldChg chg="modSp">
        <pc:chgData name="Sinha, Pratyush" userId="S::pratyush.sinha01@sap.com::127d360a-b22e-4eae-b506-0f544afeb8d8" providerId="AD" clId="Web-{DE64BCF4-E27A-D194-FBC2-43B5EF02F23A}" dt="2022-11-07T18:19:45.544" v="78" actId="1076"/>
        <pc:sldMkLst>
          <pc:docMk/>
          <pc:sldMk cId="1195353530" sldId="264"/>
        </pc:sldMkLst>
        <pc:spChg chg="mod">
          <ac:chgData name="Sinha, Pratyush" userId="S::pratyush.sinha01@sap.com::127d360a-b22e-4eae-b506-0f544afeb8d8" providerId="AD" clId="Web-{DE64BCF4-E27A-D194-FBC2-43B5EF02F23A}" dt="2022-11-07T18:19:45.544" v="78" actId="1076"/>
          <ac:spMkLst>
            <pc:docMk/>
            <pc:sldMk cId="1195353530" sldId="264"/>
            <ac:spMk id="18" creationId="{7D01908F-E089-4845-B49F-52C96A1E6AD6}"/>
          </ac:spMkLst>
        </pc:spChg>
      </pc:sldChg>
    </pc:docChg>
  </pc:docChgLst>
  <pc:docChgLst>
    <pc:chgData name="Singh, Pragti" userId="6447c971-9307-4a49-bef1-2dd2669b6dbc" providerId="ADAL" clId="{3C871364-2641-4F32-BD7B-A10A1F2A9F0F}"/>
    <pc:docChg chg="custSel modSld">
      <pc:chgData name="Singh, Pragti" userId="6447c971-9307-4a49-bef1-2dd2669b6dbc" providerId="ADAL" clId="{3C871364-2641-4F32-BD7B-A10A1F2A9F0F}" dt="2022-11-12T03:52:11.820" v="443" actId="20577"/>
      <pc:docMkLst>
        <pc:docMk/>
      </pc:docMkLst>
      <pc:sldChg chg="modSp">
        <pc:chgData name="Singh, Pragti" userId="6447c971-9307-4a49-bef1-2dd2669b6dbc" providerId="ADAL" clId="{3C871364-2641-4F32-BD7B-A10A1F2A9F0F}" dt="2022-11-12T03:50:33.712" v="81" actId="20577"/>
        <pc:sldMkLst>
          <pc:docMk/>
          <pc:sldMk cId="4195061691" sldId="257"/>
        </pc:sldMkLst>
        <pc:spChg chg="mod">
          <ac:chgData name="Singh, Pragti" userId="6447c971-9307-4a49-bef1-2dd2669b6dbc" providerId="ADAL" clId="{3C871364-2641-4F32-BD7B-A10A1F2A9F0F}" dt="2022-11-12T03:50:33.712" v="81" actId="20577"/>
          <ac:spMkLst>
            <pc:docMk/>
            <pc:sldMk cId="4195061691" sldId="257"/>
            <ac:spMk id="4" creationId="{696EE638-7C24-43C3-9263-D0455820DAEA}"/>
          </ac:spMkLst>
        </pc:spChg>
      </pc:sldChg>
      <pc:sldChg chg="addSp delSp modSp mod">
        <pc:chgData name="Singh, Pragti" userId="6447c971-9307-4a49-bef1-2dd2669b6dbc" providerId="ADAL" clId="{3C871364-2641-4F32-BD7B-A10A1F2A9F0F}" dt="2022-11-12T03:50:53.537" v="125" actId="20577"/>
        <pc:sldMkLst>
          <pc:docMk/>
          <pc:sldMk cId="3214515431" sldId="259"/>
        </pc:sldMkLst>
        <pc:spChg chg="add del mod">
          <ac:chgData name="Singh, Pragti" userId="6447c971-9307-4a49-bef1-2dd2669b6dbc" providerId="ADAL" clId="{3C871364-2641-4F32-BD7B-A10A1F2A9F0F}" dt="2022-11-11T17:37:07.931" v="11"/>
          <ac:spMkLst>
            <pc:docMk/>
            <pc:sldMk cId="3214515431" sldId="259"/>
            <ac:spMk id="5" creationId="{102A80AA-46AA-4CA5-BC94-5A8D843C4193}"/>
          </ac:spMkLst>
        </pc:spChg>
        <pc:spChg chg="mod">
          <ac:chgData name="Singh, Pragti" userId="6447c971-9307-4a49-bef1-2dd2669b6dbc" providerId="ADAL" clId="{3C871364-2641-4F32-BD7B-A10A1F2A9F0F}" dt="2022-11-12T03:50:53.537" v="125" actId="20577"/>
          <ac:spMkLst>
            <pc:docMk/>
            <pc:sldMk cId="3214515431" sldId="259"/>
            <ac:spMk id="36" creationId="{952E5E65-C8F9-414E-B2A4-8E305E11FFC3}"/>
          </ac:spMkLst>
        </pc:spChg>
        <pc:picChg chg="del">
          <ac:chgData name="Singh, Pragti" userId="6447c971-9307-4a49-bef1-2dd2669b6dbc" providerId="ADAL" clId="{3C871364-2641-4F32-BD7B-A10A1F2A9F0F}" dt="2022-11-11T17:35:54.034" v="0" actId="21"/>
          <ac:picMkLst>
            <pc:docMk/>
            <pc:sldMk cId="3214515431" sldId="259"/>
            <ac:picMk id="4" creationId="{D6CB1FE5-C075-45CC-8B22-FD203A2391B8}"/>
          </ac:picMkLst>
        </pc:picChg>
        <pc:picChg chg="add del mod">
          <ac:chgData name="Singh, Pragti" userId="6447c971-9307-4a49-bef1-2dd2669b6dbc" providerId="ADAL" clId="{3C871364-2641-4F32-BD7B-A10A1F2A9F0F}" dt="2022-11-11T17:36:02.839" v="2" actId="21"/>
          <ac:picMkLst>
            <pc:docMk/>
            <pc:sldMk cId="3214515431" sldId="259"/>
            <ac:picMk id="6" creationId="{479B8B57-0734-42C4-8FBF-54FC932D9169}"/>
          </ac:picMkLst>
        </pc:picChg>
        <pc:picChg chg="del mod">
          <ac:chgData name="Singh, Pragti" userId="6447c971-9307-4a49-bef1-2dd2669b6dbc" providerId="ADAL" clId="{3C871364-2641-4F32-BD7B-A10A1F2A9F0F}" dt="2022-11-11T17:36:43.913" v="10" actId="21"/>
          <ac:picMkLst>
            <pc:docMk/>
            <pc:sldMk cId="3214515431" sldId="259"/>
            <ac:picMk id="8" creationId="{577A978D-74BC-4569-95C1-4A1EC8207DE4}"/>
          </ac:picMkLst>
        </pc:picChg>
        <pc:picChg chg="add mod">
          <ac:chgData name="Singh, Pragti" userId="6447c971-9307-4a49-bef1-2dd2669b6dbc" providerId="ADAL" clId="{3C871364-2641-4F32-BD7B-A10A1F2A9F0F}" dt="2022-11-11T17:36:40.862" v="8" actId="14100"/>
          <ac:picMkLst>
            <pc:docMk/>
            <pc:sldMk cId="3214515431" sldId="259"/>
            <ac:picMk id="1026" creationId="{FB9F1348-C5E3-4918-A1A8-A86BDB06BDD0}"/>
          </ac:picMkLst>
        </pc:picChg>
        <pc:picChg chg="add mod">
          <ac:chgData name="Singh, Pragti" userId="6447c971-9307-4a49-bef1-2dd2669b6dbc" providerId="ADAL" clId="{3C871364-2641-4F32-BD7B-A10A1F2A9F0F}" dt="2022-11-11T17:37:25.261" v="16" actId="14100"/>
          <ac:picMkLst>
            <pc:docMk/>
            <pc:sldMk cId="3214515431" sldId="259"/>
            <ac:picMk id="1028" creationId="{2D1969AF-0266-45B0-9A00-DA04F05EE09F}"/>
          </ac:picMkLst>
        </pc:picChg>
      </pc:sldChg>
      <pc:sldChg chg="addSp delSp modSp mod">
        <pc:chgData name="Singh, Pragti" userId="6447c971-9307-4a49-bef1-2dd2669b6dbc" providerId="ADAL" clId="{3C871364-2641-4F32-BD7B-A10A1F2A9F0F}" dt="2022-11-12T03:51:26.435" v="205" actId="20577"/>
        <pc:sldMkLst>
          <pc:docMk/>
          <pc:sldMk cId="4215637894" sldId="262"/>
        </pc:sldMkLst>
        <pc:spChg chg="mod">
          <ac:chgData name="Singh, Pragti" userId="6447c971-9307-4a49-bef1-2dd2669b6dbc" providerId="ADAL" clId="{3C871364-2641-4F32-BD7B-A10A1F2A9F0F}" dt="2022-11-12T03:51:16.526" v="168" actId="20577"/>
          <ac:spMkLst>
            <pc:docMk/>
            <pc:sldMk cId="4215637894" sldId="262"/>
            <ac:spMk id="23" creationId="{9CE2EB70-A2B2-4B21-AFA6-DB0EAC4D5667}"/>
          </ac:spMkLst>
        </pc:spChg>
        <pc:spChg chg="mod">
          <ac:chgData name="Singh, Pragti" userId="6447c971-9307-4a49-bef1-2dd2669b6dbc" providerId="ADAL" clId="{3C871364-2641-4F32-BD7B-A10A1F2A9F0F}" dt="2022-11-12T03:51:26.435" v="205" actId="20577"/>
          <ac:spMkLst>
            <pc:docMk/>
            <pc:sldMk cId="4215637894" sldId="262"/>
            <ac:spMk id="24" creationId="{9E8E76AE-C089-40D3-ABEE-01825DCF170B}"/>
          </ac:spMkLst>
        </pc:spChg>
        <pc:picChg chg="del">
          <ac:chgData name="Singh, Pragti" userId="6447c971-9307-4a49-bef1-2dd2669b6dbc" providerId="ADAL" clId="{3C871364-2641-4F32-BD7B-A10A1F2A9F0F}" dt="2022-11-11T17:37:36.547" v="17" actId="21"/>
          <ac:picMkLst>
            <pc:docMk/>
            <pc:sldMk cId="4215637894" sldId="262"/>
            <ac:picMk id="16" creationId="{BE817C2E-3A51-4766-B371-17517EB093CD}"/>
          </ac:picMkLst>
        </pc:picChg>
        <pc:picChg chg="del mod">
          <ac:chgData name="Singh, Pragti" userId="6447c971-9307-4a49-bef1-2dd2669b6dbc" providerId="ADAL" clId="{3C871364-2641-4F32-BD7B-A10A1F2A9F0F}" dt="2022-11-11T17:38:36.451" v="23" actId="21"/>
          <ac:picMkLst>
            <pc:docMk/>
            <pc:sldMk cId="4215637894" sldId="262"/>
            <ac:picMk id="22" creationId="{39D8AB8D-4003-4B86-82D4-332D4CE4AE6E}"/>
          </ac:picMkLst>
        </pc:picChg>
        <pc:picChg chg="add mod">
          <ac:chgData name="Singh, Pragti" userId="6447c971-9307-4a49-bef1-2dd2669b6dbc" providerId="ADAL" clId="{3C871364-2641-4F32-BD7B-A10A1F2A9F0F}" dt="2022-11-11T17:38:32.627" v="21" actId="1076"/>
          <ac:picMkLst>
            <pc:docMk/>
            <pc:sldMk cId="4215637894" sldId="262"/>
            <ac:picMk id="2050" creationId="{B0FA4B6A-4E02-4628-B826-777BF1218474}"/>
          </ac:picMkLst>
        </pc:picChg>
        <pc:picChg chg="add mod">
          <ac:chgData name="Singh, Pragti" userId="6447c971-9307-4a49-bef1-2dd2669b6dbc" providerId="ADAL" clId="{3C871364-2641-4F32-BD7B-A10A1F2A9F0F}" dt="2022-11-11T17:39:38.264" v="30" actId="14100"/>
          <ac:picMkLst>
            <pc:docMk/>
            <pc:sldMk cId="4215637894" sldId="262"/>
            <ac:picMk id="2052" creationId="{049813BD-CE2D-4227-9F7D-D42C2A7D98A3}"/>
          </ac:picMkLst>
        </pc:picChg>
      </pc:sldChg>
      <pc:sldChg chg="addSp delSp modSp mod">
        <pc:chgData name="Singh, Pragti" userId="6447c971-9307-4a49-bef1-2dd2669b6dbc" providerId="ADAL" clId="{3C871364-2641-4F32-BD7B-A10A1F2A9F0F}" dt="2022-11-12T03:52:11.820" v="443" actId="20577"/>
        <pc:sldMkLst>
          <pc:docMk/>
          <pc:sldMk cId="4119768863" sldId="263"/>
        </pc:sldMkLst>
        <pc:spChg chg="mod">
          <ac:chgData name="Singh, Pragti" userId="6447c971-9307-4a49-bef1-2dd2669b6dbc" providerId="ADAL" clId="{3C871364-2641-4F32-BD7B-A10A1F2A9F0F}" dt="2022-11-12T03:52:02.824" v="360" actId="20577"/>
          <ac:spMkLst>
            <pc:docMk/>
            <pc:sldMk cId="4119768863" sldId="263"/>
            <ac:spMk id="23" creationId="{9CE2EB70-A2B2-4B21-AFA6-DB0EAC4D5667}"/>
          </ac:spMkLst>
        </pc:spChg>
        <pc:spChg chg="mod">
          <ac:chgData name="Singh, Pragti" userId="6447c971-9307-4a49-bef1-2dd2669b6dbc" providerId="ADAL" clId="{3C871364-2641-4F32-BD7B-A10A1F2A9F0F}" dt="2022-11-12T03:52:11.820" v="443" actId="20577"/>
          <ac:spMkLst>
            <pc:docMk/>
            <pc:sldMk cId="4119768863" sldId="263"/>
            <ac:spMk id="24" creationId="{9E8E76AE-C089-40D3-ABEE-01825DCF170B}"/>
          </ac:spMkLst>
        </pc:spChg>
        <pc:picChg chg="del">
          <ac:chgData name="Singh, Pragti" userId="6447c971-9307-4a49-bef1-2dd2669b6dbc" providerId="ADAL" clId="{3C871364-2641-4F32-BD7B-A10A1F2A9F0F}" dt="2022-11-11T17:39:48.458" v="31" actId="21"/>
          <ac:picMkLst>
            <pc:docMk/>
            <pc:sldMk cId="4119768863" sldId="263"/>
            <ac:picMk id="7" creationId="{41FAFF88-2C2B-4C8A-8FBF-C568F082061F}"/>
          </ac:picMkLst>
        </pc:picChg>
        <pc:picChg chg="del mod">
          <ac:chgData name="Singh, Pragti" userId="6447c971-9307-4a49-bef1-2dd2669b6dbc" providerId="ADAL" clId="{3C871364-2641-4F32-BD7B-A10A1F2A9F0F}" dt="2022-11-11T17:42:54.658" v="41" actId="21"/>
          <ac:picMkLst>
            <pc:docMk/>
            <pc:sldMk cId="4119768863" sldId="263"/>
            <ac:picMk id="9" creationId="{2448EC8D-A230-4D19-9879-7E69859F9155}"/>
          </ac:picMkLst>
        </pc:picChg>
        <pc:picChg chg="add mod">
          <ac:chgData name="Singh, Pragti" userId="6447c971-9307-4a49-bef1-2dd2669b6dbc" providerId="ADAL" clId="{3C871364-2641-4F32-BD7B-A10A1F2A9F0F}" dt="2022-11-11T17:42:50.225" v="39" actId="14100"/>
          <ac:picMkLst>
            <pc:docMk/>
            <pc:sldMk cId="4119768863" sldId="263"/>
            <ac:picMk id="3074" creationId="{C164184C-B845-4F6D-A977-ADB0A84DD2B7}"/>
          </ac:picMkLst>
        </pc:picChg>
        <pc:picChg chg="add mod">
          <ac:chgData name="Singh, Pragti" userId="6447c971-9307-4a49-bef1-2dd2669b6dbc" providerId="ADAL" clId="{3C871364-2641-4F32-BD7B-A10A1F2A9F0F}" dt="2022-11-11T17:43:34.239" v="46" actId="14100"/>
          <ac:picMkLst>
            <pc:docMk/>
            <pc:sldMk cId="4119768863" sldId="263"/>
            <ac:picMk id="3076" creationId="{046AA2CF-8D9B-47CA-9D2F-E01C031A8FED}"/>
          </ac:picMkLst>
        </pc:picChg>
      </pc:sldChg>
      <pc:sldChg chg="addSp delSp modSp mod">
        <pc:chgData name="Singh, Pragti" userId="6447c971-9307-4a49-bef1-2dd2669b6dbc" providerId="ADAL" clId="{3C871364-2641-4F32-BD7B-A10A1F2A9F0F}" dt="2022-11-12T03:51:48.996" v="280" actId="20577"/>
        <pc:sldMkLst>
          <pc:docMk/>
          <pc:sldMk cId="1195353530" sldId="264"/>
        </pc:sldMkLst>
        <pc:spChg chg="mod">
          <ac:chgData name="Singh, Pragti" userId="6447c971-9307-4a49-bef1-2dd2669b6dbc" providerId="ADAL" clId="{3C871364-2641-4F32-BD7B-A10A1F2A9F0F}" dt="2022-11-12T03:51:48.996" v="280" actId="20577"/>
          <ac:spMkLst>
            <pc:docMk/>
            <pc:sldMk cId="1195353530" sldId="264"/>
            <ac:spMk id="23" creationId="{9CE2EB70-A2B2-4B21-AFA6-DB0EAC4D5667}"/>
          </ac:spMkLst>
        </pc:spChg>
        <pc:picChg chg="del">
          <ac:chgData name="Singh, Pragti" userId="6447c971-9307-4a49-bef1-2dd2669b6dbc" providerId="ADAL" clId="{3C871364-2641-4F32-BD7B-A10A1F2A9F0F}" dt="2022-11-11T17:43:46.472" v="47" actId="21"/>
          <ac:picMkLst>
            <pc:docMk/>
            <pc:sldMk cId="1195353530" sldId="264"/>
            <ac:picMk id="3" creationId="{0CFDA19A-D098-4CDC-969F-94D58A2330D6}"/>
          </ac:picMkLst>
        </pc:picChg>
        <pc:picChg chg="add mod">
          <ac:chgData name="Singh, Pragti" userId="6447c971-9307-4a49-bef1-2dd2669b6dbc" providerId="ADAL" clId="{3C871364-2641-4F32-BD7B-A10A1F2A9F0F}" dt="2022-11-11T17:44:21.715" v="51" actId="1076"/>
          <ac:picMkLst>
            <pc:docMk/>
            <pc:sldMk cId="1195353530" sldId="264"/>
            <ac:picMk id="4098" creationId="{F15BE583-5FDF-4796-8505-C796EE8EAFBF}"/>
          </ac:picMkLst>
        </pc:picChg>
        <pc:picChg chg="add mod">
          <ac:chgData name="Singh, Pragti" userId="6447c971-9307-4a49-bef1-2dd2669b6dbc" providerId="ADAL" clId="{3C871364-2641-4F32-BD7B-A10A1F2A9F0F}" dt="2022-11-11T17:45:26.507" v="59" actId="14100"/>
          <ac:picMkLst>
            <pc:docMk/>
            <pc:sldMk cId="1195353530" sldId="264"/>
            <ac:picMk id="4100" creationId="{152D70CA-5DCE-4CD8-B668-E6FB8184FF0D}"/>
          </ac:picMkLst>
        </pc:picChg>
      </pc:sldChg>
      <pc:sldChg chg="addSp delSp modSp mod delAnim">
        <pc:chgData name="Singh, Pragti" userId="6447c971-9307-4a49-bef1-2dd2669b6dbc" providerId="ADAL" clId="{3C871364-2641-4F32-BD7B-A10A1F2A9F0F}" dt="2022-11-12T03:51:35.985" v="215" actId="20577"/>
        <pc:sldMkLst>
          <pc:docMk/>
          <pc:sldMk cId="95177953" sldId="265"/>
        </pc:sldMkLst>
        <pc:spChg chg="mod">
          <ac:chgData name="Singh, Pragti" userId="6447c971-9307-4a49-bef1-2dd2669b6dbc" providerId="ADAL" clId="{3C871364-2641-4F32-BD7B-A10A1F2A9F0F}" dt="2022-11-12T03:51:35.985" v="215" actId="20577"/>
          <ac:spMkLst>
            <pc:docMk/>
            <pc:sldMk cId="95177953" sldId="265"/>
            <ac:spMk id="24" creationId="{9E8E76AE-C089-40D3-ABEE-01825DCF170B}"/>
          </ac:spMkLst>
        </pc:spChg>
        <pc:picChg chg="del">
          <ac:chgData name="Singh, Pragti" userId="6447c971-9307-4a49-bef1-2dd2669b6dbc" providerId="ADAL" clId="{3C871364-2641-4F32-BD7B-A10A1F2A9F0F}" dt="2022-11-11T17:45:33.942" v="60" actId="21"/>
          <ac:picMkLst>
            <pc:docMk/>
            <pc:sldMk cId="95177953" sldId="265"/>
            <ac:picMk id="4" creationId="{FDDE095B-F74B-459F-80B5-D76A67B5A120}"/>
          </ac:picMkLst>
        </pc:picChg>
        <pc:picChg chg="add mod">
          <ac:chgData name="Singh, Pragti" userId="6447c971-9307-4a49-bef1-2dd2669b6dbc" providerId="ADAL" clId="{3C871364-2641-4F32-BD7B-A10A1F2A9F0F}" dt="2022-11-11T17:45:56.857" v="63" actId="14100"/>
          <ac:picMkLst>
            <pc:docMk/>
            <pc:sldMk cId="95177953" sldId="265"/>
            <ac:picMk id="5122" creationId="{F069FF04-7517-425F-82CF-95AD86BC3179}"/>
          </ac:picMkLst>
        </pc:picChg>
      </pc:sldChg>
    </pc:docChg>
  </pc:docChgLst>
  <pc:docChgLst>
    <pc:chgData name="Sinha, Pratyush" userId="S::pratyush.sinha01@sap.com::127d360a-b22e-4eae-b506-0f544afeb8d8" providerId="AD" clId="Web-{09A65E9B-09DE-DA42-2972-0EDD97191087}"/>
    <pc:docChg chg="modSld">
      <pc:chgData name="Sinha, Pratyush" userId="S::pratyush.sinha01@sap.com::127d360a-b22e-4eae-b506-0f544afeb8d8" providerId="AD" clId="Web-{09A65E9B-09DE-DA42-2972-0EDD97191087}" dt="2022-11-12T04:55:07.399" v="50" actId="20577"/>
      <pc:docMkLst>
        <pc:docMk/>
      </pc:docMkLst>
      <pc:sldChg chg="modSp">
        <pc:chgData name="Sinha, Pratyush" userId="S::pratyush.sinha01@sap.com::127d360a-b22e-4eae-b506-0f544afeb8d8" providerId="AD" clId="Web-{09A65E9B-09DE-DA42-2972-0EDD97191087}" dt="2022-11-11T18:36:36.712" v="48" actId="1076"/>
        <pc:sldMkLst>
          <pc:docMk/>
          <pc:sldMk cId="4195061691" sldId="257"/>
        </pc:sldMkLst>
        <pc:spChg chg="mod">
          <ac:chgData name="Sinha, Pratyush" userId="S::pratyush.sinha01@sap.com::127d360a-b22e-4eae-b506-0f544afeb8d8" providerId="AD" clId="Web-{09A65E9B-09DE-DA42-2972-0EDD97191087}" dt="2022-11-11T18:36:36.712" v="48" actId="1076"/>
          <ac:spMkLst>
            <pc:docMk/>
            <pc:sldMk cId="4195061691" sldId="257"/>
            <ac:spMk id="4" creationId="{696EE638-7C24-43C3-9263-D0455820DAEA}"/>
          </ac:spMkLst>
        </pc:spChg>
      </pc:sldChg>
      <pc:sldChg chg="modSp">
        <pc:chgData name="Sinha, Pratyush" userId="S::pratyush.sinha01@sap.com::127d360a-b22e-4eae-b506-0f544afeb8d8" providerId="AD" clId="Web-{09A65E9B-09DE-DA42-2972-0EDD97191087}" dt="2022-11-12T04:55:07.399" v="50" actId="20577"/>
        <pc:sldMkLst>
          <pc:docMk/>
          <pc:sldMk cId="1593834131" sldId="266"/>
        </pc:sldMkLst>
        <pc:spChg chg="mod">
          <ac:chgData name="Sinha, Pratyush" userId="S::pratyush.sinha01@sap.com::127d360a-b22e-4eae-b506-0f544afeb8d8" providerId="AD" clId="Web-{09A65E9B-09DE-DA42-2972-0EDD97191087}" dt="2022-11-12T04:55:07.399" v="50" actId="20577"/>
          <ac:spMkLst>
            <pc:docMk/>
            <pc:sldMk cId="1593834131" sldId="266"/>
            <ac:spMk id="3" creationId="{F4F030CC-AFBE-4395-93F3-FA360F4487A7}"/>
          </ac:spMkLst>
        </pc:spChg>
      </pc:sldChg>
    </pc:docChg>
  </pc:docChgLst>
  <pc:docChgLst>
    <pc:chgData name="Sinha, Pratyush" userId="S::pratyush.sinha01@sap.com::127d360a-b22e-4eae-b506-0f544afeb8d8" providerId="AD" clId="Web-{15FC57D1-4F75-B04B-6315-1D9FE91683AA}"/>
    <pc:docChg chg="modSld addMainMaster delMainMaster">
      <pc:chgData name="Sinha, Pratyush" userId="S::pratyush.sinha01@sap.com::127d360a-b22e-4eae-b506-0f544afeb8d8" providerId="AD" clId="Web-{15FC57D1-4F75-B04B-6315-1D9FE91683AA}" dt="2022-11-12T05:47:24.690" v="100" actId="1076"/>
      <pc:docMkLst>
        <pc:docMk/>
      </pc:docMkLst>
      <pc:sldChg chg="modSp 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1252391395" sldId="256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1252391395" sldId="256"/>
            <ac:spMk id="3" creationId="{00AB0E88-40C3-4006-A246-6110D4122851}"/>
          </ac:spMkLst>
        </pc:spChg>
      </pc:sldChg>
      <pc:sldChg chg="addSp modSp mod setBg modClrScheme chgLayout">
        <pc:chgData name="Sinha, Pratyush" userId="S::pratyush.sinha01@sap.com::127d360a-b22e-4eae-b506-0f544afeb8d8" providerId="AD" clId="Web-{15FC57D1-4F75-B04B-6315-1D9FE91683AA}" dt="2022-11-12T05:23:23.332" v="90" actId="14100"/>
        <pc:sldMkLst>
          <pc:docMk/>
          <pc:sldMk cId="4195061691" sldId="257"/>
        </pc:sldMkLst>
        <pc:spChg chg="mod ord">
          <ac:chgData name="Sinha, Pratyush" userId="S::pratyush.sinha01@sap.com::127d360a-b22e-4eae-b506-0f544afeb8d8" providerId="AD" clId="Web-{15FC57D1-4F75-B04B-6315-1D9FE91683AA}" dt="2022-11-12T05:14:35.087" v="80" actId="20577"/>
          <ac:spMkLst>
            <pc:docMk/>
            <pc:sldMk cId="4195061691" sldId="257"/>
            <ac:spMk id="2" creationId="{779E3899-A5F0-4F47-80A7-71ADC748D56C}"/>
          </ac:spMkLst>
        </pc:spChg>
        <pc:spChg chg="mod">
          <ac:chgData name="Sinha, Pratyush" userId="S::pratyush.sinha01@sap.com::127d360a-b22e-4eae-b506-0f544afeb8d8" providerId="AD" clId="Web-{15FC57D1-4F75-B04B-6315-1D9FE91683AA}" dt="2022-11-12T05:23:23.332" v="90" actId="14100"/>
          <ac:spMkLst>
            <pc:docMk/>
            <pc:sldMk cId="4195061691" sldId="257"/>
            <ac:spMk id="4" creationId="{696EE638-7C24-43C3-9263-D0455820DAEA}"/>
          </ac:spMkLst>
        </pc:spChg>
        <pc:spChg chg="add">
          <ac:chgData name="Sinha, Pratyush" userId="S::pratyush.sinha01@sap.com::127d360a-b22e-4eae-b506-0f544afeb8d8" providerId="AD" clId="Web-{15FC57D1-4F75-B04B-6315-1D9FE91683AA}" dt="2022-11-12T05:13:52.757" v="74"/>
          <ac:spMkLst>
            <pc:docMk/>
            <pc:sldMk cId="4195061691" sldId="257"/>
            <ac:spMk id="17" creationId="{D2B7F823-B53C-4005-8901-18403A29B221}"/>
          </ac:spMkLst>
        </pc:spChg>
        <pc:grpChg chg="add">
          <ac:chgData name="Sinha, Pratyush" userId="S::pratyush.sinha01@sap.com::127d360a-b22e-4eae-b506-0f544afeb8d8" providerId="AD" clId="Web-{15FC57D1-4F75-B04B-6315-1D9FE91683AA}" dt="2022-11-12T05:13:52.757" v="74"/>
          <ac:grpSpMkLst>
            <pc:docMk/>
            <pc:sldMk cId="4195061691" sldId="257"/>
            <ac:grpSpMk id="9" creationId="{03E2EFC0-DD7B-4696-8C4D-CBBD0FF69403}"/>
          </ac:grpSpMkLst>
        </pc:grpChg>
        <pc:picChg chg="add mod">
          <ac:chgData name="Sinha, Pratyush" userId="S::pratyush.sinha01@sap.com::127d360a-b22e-4eae-b506-0f544afeb8d8" providerId="AD" clId="Web-{15FC57D1-4F75-B04B-6315-1D9FE91683AA}" dt="2022-11-12T05:13:52.757" v="74"/>
          <ac:picMkLst>
            <pc:docMk/>
            <pc:sldMk cId="4195061691" sldId="257"/>
            <ac:picMk id="3" creationId="{E20465F5-3BFE-39DA-6203-23AE8008293B}"/>
          </ac:picMkLst>
        </pc:picChg>
      </pc:sldChg>
      <pc:sldChg chg="modSp 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918121804" sldId="258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918121804" sldId="258"/>
            <ac:spMk id="2" creationId="{695066F8-6C1E-46A5-AAA4-E22AF2730C28}"/>
          </ac:spMkLst>
        </pc:spChg>
      </pc:sldChg>
      <pc:sldChg chg="modSp 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3214515431" sldId="259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3214515431" sldId="259"/>
            <ac:spMk id="2" creationId="{F00679F9-878F-4616-AF62-43F5743CC729}"/>
          </ac:spMkLst>
        </pc:spChg>
        <pc:picChg chg="mod ord">
          <ac:chgData name="Sinha, Pratyush" userId="S::pratyush.sinha01@sap.com::127d360a-b22e-4eae-b506-0f544afeb8d8" providerId="AD" clId="Web-{15FC57D1-4F75-B04B-6315-1D9FE91683AA}" dt="2022-11-12T05:07:40.093" v="40"/>
          <ac:picMkLst>
            <pc:docMk/>
            <pc:sldMk cId="3214515431" sldId="259"/>
            <ac:picMk id="1028" creationId="{2D1969AF-0266-45B0-9A00-DA04F05EE09F}"/>
          </ac:picMkLst>
        </pc:picChg>
      </pc:sldChg>
      <pc:sldChg chg="addSp delSp modSp mod setBg modClrScheme chgLayout">
        <pc:chgData name="Sinha, Pratyush" userId="S::pratyush.sinha01@sap.com::127d360a-b22e-4eae-b506-0f544afeb8d8" providerId="AD" clId="Web-{15FC57D1-4F75-B04B-6315-1D9FE91683AA}" dt="2022-11-12T05:23:41.833" v="93" actId="20577"/>
        <pc:sldMkLst>
          <pc:docMk/>
          <pc:sldMk cId="43282625" sldId="260"/>
        </pc:sldMkLst>
        <pc:spChg chg="mod ord">
          <ac:chgData name="Sinha, Pratyush" userId="S::pratyush.sinha01@sap.com::127d360a-b22e-4eae-b506-0f544afeb8d8" providerId="AD" clId="Web-{15FC57D1-4F75-B04B-6315-1D9FE91683AA}" dt="2022-11-12T05:22:50.315" v="88"/>
          <ac:spMkLst>
            <pc:docMk/>
            <pc:sldMk cId="43282625" sldId="260"/>
            <ac:spMk id="2" creationId="{38DFF245-A2C2-432B-8247-26E0E4A714C5}"/>
          </ac:spMkLst>
        </pc:spChg>
        <pc:spChg chg="mod ord">
          <ac:chgData name="Sinha, Pratyush" userId="S::pratyush.sinha01@sap.com::127d360a-b22e-4eae-b506-0f544afeb8d8" providerId="AD" clId="Web-{15FC57D1-4F75-B04B-6315-1D9FE91683AA}" dt="2022-11-12T05:23:41.833" v="93" actId="20577"/>
          <ac:spMkLst>
            <pc:docMk/>
            <pc:sldMk cId="43282625" sldId="260"/>
            <ac:spMk id="3" creationId="{A3127565-6DD8-4439-960E-3574F7AB89AA}"/>
          </ac:spMkLst>
        </pc:spChg>
        <pc:spChg chg="add">
          <ac:chgData name="Sinha, Pratyush" userId="S::pratyush.sinha01@sap.com::127d360a-b22e-4eae-b506-0f544afeb8d8" providerId="AD" clId="Web-{15FC57D1-4F75-B04B-6315-1D9FE91683AA}" dt="2022-11-12T05:22:50.315" v="88"/>
          <ac:spMkLst>
            <pc:docMk/>
            <pc:sldMk cId="43282625" sldId="260"/>
            <ac:spMk id="18" creationId="{D2B7F823-B53C-4005-8901-18403A29B221}"/>
          </ac:spMkLst>
        </pc:spChg>
        <pc:grpChg chg="add">
          <ac:chgData name="Sinha, Pratyush" userId="S::pratyush.sinha01@sap.com::127d360a-b22e-4eae-b506-0f544afeb8d8" providerId="AD" clId="Web-{15FC57D1-4F75-B04B-6315-1D9FE91683AA}" dt="2022-11-12T05:22:50.315" v="88"/>
          <ac:grpSpMkLst>
            <pc:docMk/>
            <pc:sldMk cId="43282625" sldId="260"/>
            <ac:grpSpMk id="10" creationId="{03E2EFC0-DD7B-4696-8C4D-CBBD0FF69403}"/>
          </ac:grpSpMkLst>
        </pc:grpChg>
        <pc:picChg chg="add del mod">
          <ac:chgData name="Sinha, Pratyush" userId="S::pratyush.sinha01@sap.com::127d360a-b22e-4eae-b506-0f544afeb8d8" providerId="AD" clId="Web-{15FC57D1-4F75-B04B-6315-1D9FE91683AA}" dt="2022-11-12T05:22:37.237" v="86"/>
          <ac:picMkLst>
            <pc:docMk/>
            <pc:sldMk cId="43282625" sldId="260"/>
            <ac:picMk id="4" creationId="{9D9CC7BC-8B73-1BF2-B73E-F80593E26222}"/>
          </ac:picMkLst>
        </pc:picChg>
        <pc:picChg chg="add mod">
          <ac:chgData name="Sinha, Pratyush" userId="S::pratyush.sinha01@sap.com::127d360a-b22e-4eae-b506-0f544afeb8d8" providerId="AD" clId="Web-{15FC57D1-4F75-B04B-6315-1D9FE91683AA}" dt="2022-11-12T05:22:50.315" v="88"/>
          <ac:picMkLst>
            <pc:docMk/>
            <pc:sldMk cId="43282625" sldId="260"/>
            <ac:picMk id="5" creationId="{D899E10E-AD03-8E9F-C75F-FB2B50284E71}"/>
          </ac:picMkLst>
        </pc:picChg>
      </pc:sldChg>
      <pc:sldChg chg="modSp 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2569361667" sldId="261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2569361667" sldId="261"/>
            <ac:spMk id="2" creationId="{7CA0B8FB-211A-4558-A1E7-67A38F54FB17}"/>
          </ac:spMkLst>
        </pc:spChg>
      </pc:sldChg>
      <pc:sldChg chg="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4215637894" sldId="262"/>
        </pc:sldMkLst>
      </pc:sldChg>
      <pc:sldChg chg="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4119768863" sldId="263"/>
        </pc:sldMkLst>
      </pc:sldChg>
      <pc:sldChg chg="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1195353530" sldId="264"/>
        </pc:sldMkLst>
      </pc:sldChg>
      <pc:sldChg chg="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95177953" sldId="265"/>
        </pc:sldMkLst>
      </pc:sldChg>
      <pc:sldChg chg="addSp delSp modSp mod modClrScheme delAnim chgLayout">
        <pc:chgData name="Sinha, Pratyush" userId="S::pratyush.sinha01@sap.com::127d360a-b22e-4eae-b506-0f544afeb8d8" providerId="AD" clId="Web-{15FC57D1-4F75-B04B-6315-1D9FE91683AA}" dt="2022-11-12T05:47:24.690" v="100" actId="1076"/>
        <pc:sldMkLst>
          <pc:docMk/>
          <pc:sldMk cId="1593834131" sldId="266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1593834131" sldId="266"/>
            <ac:spMk id="2" creationId="{1B5725FA-EF89-4317-B62D-9CB2CAE6A639}"/>
          </ac:spMkLst>
        </pc:spChg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1593834131" sldId="266"/>
            <ac:spMk id="3" creationId="{F4F030CC-AFBE-4395-93F3-FA360F4487A7}"/>
          </ac:spMkLst>
        </pc:spChg>
        <pc:spChg chg="del mod">
          <ac:chgData name="Sinha, Pratyush" userId="S::pratyush.sinha01@sap.com::127d360a-b22e-4eae-b506-0f544afeb8d8" providerId="AD" clId="Web-{15FC57D1-4F75-B04B-6315-1D9FE91683AA}" dt="2022-11-12T05:47:15.674" v="96"/>
          <ac:spMkLst>
            <pc:docMk/>
            <pc:sldMk cId="1593834131" sldId="266"/>
            <ac:spMk id="8" creationId="{A2657AE2-A510-4304-BEBC-EFCD71184872}"/>
          </ac:spMkLst>
        </pc:spChg>
        <pc:picChg chg="add del mod">
          <ac:chgData name="Sinha, Pratyush" userId="S::pratyush.sinha01@sap.com::127d360a-b22e-4eae-b506-0f544afeb8d8" providerId="AD" clId="Web-{15FC57D1-4F75-B04B-6315-1D9FE91683AA}" dt="2022-11-12T05:00:56.921" v="5"/>
          <ac:picMkLst>
            <pc:docMk/>
            <pc:sldMk cId="1593834131" sldId="266"/>
            <ac:picMk id="4" creationId="{33741440-4C7B-1F12-4C7C-284CEBCBD494}"/>
          </ac:picMkLst>
        </pc:picChg>
        <pc:picChg chg="add mod">
          <ac:chgData name="Sinha, Pratyush" userId="S::pratyush.sinha01@sap.com::127d360a-b22e-4eae-b506-0f544afeb8d8" providerId="AD" clId="Web-{15FC57D1-4F75-B04B-6315-1D9FE91683AA}" dt="2022-11-12T05:47:24.690" v="100" actId="1076"/>
          <ac:picMkLst>
            <pc:docMk/>
            <pc:sldMk cId="1593834131" sldId="266"/>
            <ac:picMk id="4" creationId="{3859E021-3D04-07F0-9EF6-E337479928FC}"/>
          </ac:picMkLst>
        </pc:picChg>
        <pc:picChg chg="add del mod">
          <ac:chgData name="Sinha, Pratyush" userId="S::pratyush.sinha01@sap.com::127d360a-b22e-4eae-b506-0f544afeb8d8" providerId="AD" clId="Web-{15FC57D1-4F75-B04B-6315-1D9FE91683AA}" dt="2022-11-12T05:02:16.099" v="11"/>
          <ac:picMkLst>
            <pc:docMk/>
            <pc:sldMk cId="1593834131" sldId="266"/>
            <ac:picMk id="5" creationId="{BE400098-F4A6-79EB-2C9F-3C853B32508E}"/>
          </ac:picMkLst>
        </pc:picChg>
        <pc:picChg chg="add del mod">
          <ac:chgData name="Sinha, Pratyush" userId="S::pratyush.sinha01@sap.com::127d360a-b22e-4eae-b506-0f544afeb8d8" providerId="AD" clId="Web-{15FC57D1-4F75-B04B-6315-1D9FE91683AA}" dt="2022-11-12T05:04:19.161" v="16"/>
          <ac:picMkLst>
            <pc:docMk/>
            <pc:sldMk cId="1593834131" sldId="266"/>
            <ac:picMk id="6" creationId="{69E4F992-C4B1-FF8E-1D92-64892DFBD093}"/>
          </ac:picMkLst>
        </pc:picChg>
        <pc:picChg chg="add del mod">
          <ac:chgData name="Sinha, Pratyush" userId="S::pratyush.sinha01@sap.com::127d360a-b22e-4eae-b506-0f544afeb8d8" providerId="AD" clId="Web-{15FC57D1-4F75-B04B-6315-1D9FE91683AA}" dt="2022-11-12T05:06:31.105" v="30"/>
          <ac:picMkLst>
            <pc:docMk/>
            <pc:sldMk cId="1593834131" sldId="266"/>
            <ac:picMk id="7" creationId="{668B0AB1-F39D-AECA-0759-FCE406128E67}"/>
          </ac:picMkLst>
        </pc:picChg>
        <pc:picChg chg="add del mod">
          <ac:chgData name="Sinha, Pratyush" userId="S::pratyush.sinha01@sap.com::127d360a-b22e-4eae-b506-0f544afeb8d8" providerId="AD" clId="Web-{15FC57D1-4F75-B04B-6315-1D9FE91683AA}" dt="2022-11-12T05:46:49.438" v="94"/>
          <ac:picMkLst>
            <pc:docMk/>
            <pc:sldMk cId="1593834131" sldId="266"/>
            <ac:picMk id="9" creationId="{C6EEDEEC-05C1-E80C-BA75-1AFECB3BF2B0}"/>
          </ac:picMkLst>
        </pc:picChg>
      </pc:sldChg>
      <pc:sldChg chg="modSp mod modClrScheme chgLayout">
        <pc:chgData name="Sinha, Pratyush" userId="S::pratyush.sinha01@sap.com::127d360a-b22e-4eae-b506-0f544afeb8d8" providerId="AD" clId="Web-{15FC57D1-4F75-B04B-6315-1D9FE91683AA}" dt="2022-11-12T05:07:40.093" v="40"/>
        <pc:sldMkLst>
          <pc:docMk/>
          <pc:sldMk cId="369332093" sldId="267"/>
        </pc:sldMkLst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369332093" sldId="267"/>
            <ac:spMk id="2" creationId="{4F3BC181-8B35-46B6-A6C7-3FC4B46AC0BE}"/>
          </ac:spMkLst>
        </pc:spChg>
        <pc:spChg chg="mod ord">
          <ac:chgData name="Sinha, Pratyush" userId="S::pratyush.sinha01@sap.com::127d360a-b22e-4eae-b506-0f544afeb8d8" providerId="AD" clId="Web-{15FC57D1-4F75-B04B-6315-1D9FE91683AA}" dt="2022-11-12T05:07:40.093" v="40"/>
          <ac:spMkLst>
            <pc:docMk/>
            <pc:sldMk cId="369332093" sldId="267"/>
            <ac:spMk id="3" creationId="{68744A2F-4C3C-4D7C-BB04-C5ABB457345E}"/>
          </ac:spMkLst>
        </pc:spChg>
      </pc:sldChg>
      <pc:sldMasterChg chg="del delSldLayout">
        <pc:chgData name="Sinha, Pratyush" userId="S::pratyush.sinha01@sap.com::127d360a-b22e-4eae-b506-0f544afeb8d8" providerId="AD" clId="Web-{15FC57D1-4F75-B04B-6315-1D9FE91683AA}" dt="2022-11-12T05:07:40.093" v="40"/>
        <pc:sldMasterMkLst>
          <pc:docMk/>
          <pc:sldMasterMk cId="4096585758" sldId="2147483720"/>
        </pc:sldMasterMkLst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728442666" sldId="2147483721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4249868149" sldId="2147483722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2464420283" sldId="2147483723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209111326" sldId="2147483724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663264029" sldId="2147483725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1389949720" sldId="2147483726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1344651029" sldId="2147483727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996015928" sldId="2147483728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1340299838" sldId="2147483729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465977350" sldId="2147483730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2489073027" sldId="2147483731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1822024063" sldId="2147483732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590087251" sldId="2147483733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1878734138" sldId="2147483734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3741351750" sldId="2147483735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938280751" sldId="2147483736"/>
          </pc:sldLayoutMkLst>
        </pc:sldLayoutChg>
        <pc:sldLayoutChg chg="del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4096585758" sldId="2147483720"/>
            <pc:sldLayoutMk cId="83566752" sldId="2147483737"/>
          </pc:sldLayoutMkLst>
        </pc:sldLayoutChg>
      </pc:sldMasterChg>
      <pc:sldMasterChg chg="add addSldLayout modSldLayout">
        <pc:chgData name="Sinha, Pratyush" userId="S::pratyush.sinha01@sap.com::127d360a-b22e-4eae-b506-0f544afeb8d8" providerId="AD" clId="Web-{15FC57D1-4F75-B04B-6315-1D9FE91683AA}" dt="2022-11-12T05:07:40.093" v="40"/>
        <pc:sldMasterMkLst>
          <pc:docMk/>
          <pc:sldMasterMk cId="2840536701" sldId="2147483738"/>
        </pc:sldMasterMkLst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714325820" sldId="2147483739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336460742" sldId="2147483740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461107129" sldId="2147483741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887399886" sldId="2147483742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1923138909" sldId="2147483743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724744558" sldId="2147483744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3667409267" sldId="2147483745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132157323" sldId="2147483746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881902662" sldId="2147483747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372756448" sldId="2147483748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02942363" sldId="2147483749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1630179468" sldId="2147483750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3199495253" sldId="2147483751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1533573483" sldId="2147483752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254638617" sldId="2147483753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3498756074" sldId="2147483754"/>
          </pc:sldLayoutMkLst>
        </pc:sldLayoutChg>
        <pc:sldLayoutChg chg="add mod replId">
          <pc:chgData name="Sinha, Pratyush" userId="S::pratyush.sinha01@sap.com::127d360a-b22e-4eae-b506-0f544afeb8d8" providerId="AD" clId="Web-{15FC57D1-4F75-B04B-6315-1D9FE91683AA}" dt="2022-11-12T05:07:40.093" v="40"/>
          <pc:sldLayoutMkLst>
            <pc:docMk/>
            <pc:sldMasterMk cId="2840536701" sldId="2147483738"/>
            <pc:sldLayoutMk cId="4191558420" sldId="2147483755"/>
          </pc:sldLayoutMkLst>
        </pc:sldLayoutChg>
      </pc:sldMasterChg>
    </pc:docChg>
  </pc:docChgLst>
  <pc:docChgLst>
    <pc:chgData name="., Sharadhi" userId="4ec069c5-4d27-4a0b-9dd6-f72dbc9faa00" providerId="ADAL" clId="{A1CC3CF4-EE41-428C-BF30-A121827D6DE2}"/>
    <pc:docChg chg="custSel modSld">
      <pc:chgData name="., Sharadhi" userId="4ec069c5-4d27-4a0b-9dd6-f72dbc9faa00" providerId="ADAL" clId="{A1CC3CF4-EE41-428C-BF30-A121827D6DE2}" dt="2022-11-12T17:14:08.296" v="468" actId="20577"/>
      <pc:docMkLst>
        <pc:docMk/>
      </pc:docMkLst>
      <pc:sldChg chg="modSp mod">
        <pc:chgData name="., Sharadhi" userId="4ec069c5-4d27-4a0b-9dd6-f72dbc9faa00" providerId="ADAL" clId="{A1CC3CF4-EE41-428C-BF30-A121827D6DE2}" dt="2022-11-12T17:06:07.653" v="106" actId="255"/>
        <pc:sldMkLst>
          <pc:docMk/>
          <pc:sldMk cId="4195061691" sldId="257"/>
        </pc:sldMkLst>
        <pc:spChg chg="mod">
          <ac:chgData name="., Sharadhi" userId="4ec069c5-4d27-4a0b-9dd6-f72dbc9faa00" providerId="ADAL" clId="{A1CC3CF4-EE41-428C-BF30-A121827D6DE2}" dt="2022-11-12T17:05:06.661" v="96" actId="2711"/>
          <ac:spMkLst>
            <pc:docMk/>
            <pc:sldMk cId="4195061691" sldId="257"/>
            <ac:spMk id="2" creationId="{779E3899-A5F0-4F47-80A7-71ADC748D56C}"/>
          </ac:spMkLst>
        </pc:spChg>
        <pc:spChg chg="mod">
          <ac:chgData name="., Sharadhi" userId="4ec069c5-4d27-4a0b-9dd6-f72dbc9faa00" providerId="ADAL" clId="{A1CC3CF4-EE41-428C-BF30-A121827D6DE2}" dt="2022-11-12T17:06:07.653" v="106" actId="255"/>
          <ac:spMkLst>
            <pc:docMk/>
            <pc:sldMk cId="4195061691" sldId="257"/>
            <ac:spMk id="4" creationId="{696EE638-7C24-43C3-9263-D0455820DAEA}"/>
          </ac:spMkLst>
        </pc:spChg>
      </pc:sldChg>
      <pc:sldChg chg="modSp">
        <pc:chgData name="., Sharadhi" userId="4ec069c5-4d27-4a0b-9dd6-f72dbc9faa00" providerId="ADAL" clId="{A1CC3CF4-EE41-428C-BF30-A121827D6DE2}" dt="2022-11-12T17:06:26.433" v="109" actId="14100"/>
        <pc:sldMkLst>
          <pc:docMk/>
          <pc:sldMk cId="918121804" sldId="258"/>
        </pc:sldMkLst>
        <pc:spChg chg="mod">
          <ac:chgData name="., Sharadhi" userId="4ec069c5-4d27-4a0b-9dd6-f72dbc9faa00" providerId="ADAL" clId="{A1CC3CF4-EE41-428C-BF30-A121827D6DE2}" dt="2022-11-12T17:06:22.491" v="108" actId="2711"/>
          <ac:spMkLst>
            <pc:docMk/>
            <pc:sldMk cId="918121804" sldId="258"/>
            <ac:spMk id="5" creationId="{A348768C-AF3F-4814-8909-99D394F0F57C}"/>
          </ac:spMkLst>
        </pc:spChg>
        <pc:picChg chg="mod">
          <ac:chgData name="., Sharadhi" userId="4ec069c5-4d27-4a0b-9dd6-f72dbc9faa00" providerId="ADAL" clId="{A1CC3CF4-EE41-428C-BF30-A121827D6DE2}" dt="2022-11-12T17:06:26.433" v="109" actId="14100"/>
          <ac:picMkLst>
            <pc:docMk/>
            <pc:sldMk cId="918121804" sldId="258"/>
            <ac:picMk id="2050" creationId="{68916116-0431-4785-A21D-A6D3151918A4}"/>
          </ac:picMkLst>
        </pc:picChg>
      </pc:sldChg>
      <pc:sldChg chg="addSp modSp mod">
        <pc:chgData name="., Sharadhi" userId="4ec069c5-4d27-4a0b-9dd6-f72dbc9faa00" providerId="ADAL" clId="{A1CC3CF4-EE41-428C-BF30-A121827D6DE2}" dt="2022-11-12T17:09:05.746" v="197" actId="20577"/>
        <pc:sldMkLst>
          <pc:docMk/>
          <pc:sldMk cId="3214515431" sldId="259"/>
        </pc:sldMkLst>
        <pc:spChg chg="add mod">
          <ac:chgData name="., Sharadhi" userId="4ec069c5-4d27-4a0b-9dd6-f72dbc9faa00" providerId="ADAL" clId="{A1CC3CF4-EE41-428C-BF30-A121827D6DE2}" dt="2022-11-12T17:08:27.904" v="180" actId="1076"/>
          <ac:spMkLst>
            <pc:docMk/>
            <pc:sldMk cId="3214515431" sldId="259"/>
            <ac:spMk id="3" creationId="{B67CADEF-14E1-4938-AF9E-FEF04E18C830}"/>
          </ac:spMkLst>
        </pc:spChg>
        <pc:spChg chg="add mod">
          <ac:chgData name="., Sharadhi" userId="4ec069c5-4d27-4a0b-9dd6-f72dbc9faa00" providerId="ADAL" clId="{A1CC3CF4-EE41-428C-BF30-A121827D6DE2}" dt="2022-11-12T17:09:05.746" v="197" actId="20577"/>
          <ac:spMkLst>
            <pc:docMk/>
            <pc:sldMk cId="3214515431" sldId="259"/>
            <ac:spMk id="7" creationId="{F84E9219-FEB8-4743-974E-5EF61BDB9574}"/>
          </ac:spMkLst>
        </pc:spChg>
        <pc:picChg chg="mod">
          <ac:chgData name="., Sharadhi" userId="4ec069c5-4d27-4a0b-9dd6-f72dbc9faa00" providerId="ADAL" clId="{A1CC3CF4-EE41-428C-BF30-A121827D6DE2}" dt="2022-11-12T17:08:32.648" v="181" actId="1076"/>
          <ac:picMkLst>
            <pc:docMk/>
            <pc:sldMk cId="3214515431" sldId="259"/>
            <ac:picMk id="1026" creationId="{FB9F1348-C5E3-4918-A1A8-A86BDB06BDD0}"/>
          </ac:picMkLst>
        </pc:picChg>
        <pc:picChg chg="mod">
          <ac:chgData name="., Sharadhi" userId="4ec069c5-4d27-4a0b-9dd6-f72dbc9faa00" providerId="ADAL" clId="{A1CC3CF4-EE41-428C-BF30-A121827D6DE2}" dt="2022-11-12T17:08:16.550" v="178" actId="14100"/>
          <ac:picMkLst>
            <pc:docMk/>
            <pc:sldMk cId="3214515431" sldId="259"/>
            <ac:picMk id="1028" creationId="{2D1969AF-0266-45B0-9A00-DA04F05EE09F}"/>
          </ac:picMkLst>
        </pc:picChg>
      </pc:sldChg>
      <pc:sldChg chg="modSp mod">
        <pc:chgData name="., Sharadhi" userId="4ec069c5-4d27-4a0b-9dd6-f72dbc9faa00" providerId="ADAL" clId="{A1CC3CF4-EE41-428C-BF30-A121827D6DE2}" dt="2022-11-12T17:05:58.738" v="105" actId="255"/>
        <pc:sldMkLst>
          <pc:docMk/>
          <pc:sldMk cId="43282625" sldId="260"/>
        </pc:sldMkLst>
        <pc:spChg chg="mod">
          <ac:chgData name="., Sharadhi" userId="4ec069c5-4d27-4a0b-9dd6-f72dbc9faa00" providerId="ADAL" clId="{A1CC3CF4-EE41-428C-BF30-A121827D6DE2}" dt="2022-11-12T17:05:58.738" v="105" actId="255"/>
          <ac:spMkLst>
            <pc:docMk/>
            <pc:sldMk cId="43282625" sldId="260"/>
            <ac:spMk id="3" creationId="{A3127565-6DD8-4439-960E-3574F7AB89AA}"/>
          </ac:spMkLst>
        </pc:spChg>
        <pc:picChg chg="mod">
          <ac:chgData name="., Sharadhi" userId="4ec069c5-4d27-4a0b-9dd6-f72dbc9faa00" providerId="ADAL" clId="{A1CC3CF4-EE41-428C-BF30-A121827D6DE2}" dt="2022-11-12T16:59:38.614" v="0" actId="1076"/>
          <ac:picMkLst>
            <pc:docMk/>
            <pc:sldMk cId="43282625" sldId="260"/>
            <ac:picMk id="5" creationId="{D899E10E-AD03-8E9F-C75F-FB2B50284E71}"/>
          </ac:picMkLst>
        </pc:picChg>
      </pc:sldChg>
      <pc:sldChg chg="addSp delSp modSp mod">
        <pc:chgData name="., Sharadhi" userId="4ec069c5-4d27-4a0b-9dd6-f72dbc9faa00" providerId="ADAL" clId="{A1CC3CF4-EE41-428C-BF30-A121827D6DE2}" dt="2022-11-12T17:09:49.266" v="249" actId="1076"/>
        <pc:sldMkLst>
          <pc:docMk/>
          <pc:sldMk cId="4215637894" sldId="262"/>
        </pc:sldMkLst>
        <pc:spChg chg="add mod">
          <ac:chgData name="., Sharadhi" userId="4ec069c5-4d27-4a0b-9dd6-f72dbc9faa00" providerId="ADAL" clId="{A1CC3CF4-EE41-428C-BF30-A121827D6DE2}" dt="2022-11-12T17:09:33.879" v="223" actId="20577"/>
          <ac:spMkLst>
            <pc:docMk/>
            <pc:sldMk cId="4215637894" sldId="262"/>
            <ac:spMk id="7" creationId="{3EB453F8-4402-4C9E-AB4E-B775AC536543}"/>
          </ac:spMkLst>
        </pc:spChg>
        <pc:spChg chg="add mod">
          <ac:chgData name="., Sharadhi" userId="4ec069c5-4d27-4a0b-9dd6-f72dbc9faa00" providerId="ADAL" clId="{A1CC3CF4-EE41-428C-BF30-A121827D6DE2}" dt="2022-11-12T17:09:49.266" v="249" actId="1076"/>
          <ac:spMkLst>
            <pc:docMk/>
            <pc:sldMk cId="4215637894" sldId="262"/>
            <ac:spMk id="8" creationId="{7FE04C45-EF04-4807-88A8-E1CF19555A0D}"/>
          </ac:spMkLst>
        </pc:spChg>
        <pc:spChg chg="del">
          <ac:chgData name="., Sharadhi" userId="4ec069c5-4d27-4a0b-9dd6-f72dbc9faa00" providerId="ADAL" clId="{A1CC3CF4-EE41-428C-BF30-A121827D6DE2}" dt="2022-11-12T17:08:37.522" v="182" actId="478"/>
          <ac:spMkLst>
            <pc:docMk/>
            <pc:sldMk cId="4215637894" sldId="262"/>
            <ac:spMk id="23" creationId="{9CE2EB70-A2B2-4B21-AFA6-DB0EAC4D5667}"/>
          </ac:spMkLst>
        </pc:spChg>
        <pc:picChg chg="mod">
          <ac:chgData name="., Sharadhi" userId="4ec069c5-4d27-4a0b-9dd6-f72dbc9faa00" providerId="ADAL" clId="{A1CC3CF4-EE41-428C-BF30-A121827D6DE2}" dt="2022-11-12T17:08:52.257" v="186" actId="1076"/>
          <ac:picMkLst>
            <pc:docMk/>
            <pc:sldMk cId="4215637894" sldId="262"/>
            <ac:picMk id="2050" creationId="{B0FA4B6A-4E02-4628-B826-777BF1218474}"/>
          </ac:picMkLst>
        </pc:picChg>
        <pc:picChg chg="mod">
          <ac:chgData name="., Sharadhi" userId="4ec069c5-4d27-4a0b-9dd6-f72dbc9faa00" providerId="ADAL" clId="{A1CC3CF4-EE41-428C-BF30-A121827D6DE2}" dt="2022-11-12T17:08:48.231" v="185" actId="14100"/>
          <ac:picMkLst>
            <pc:docMk/>
            <pc:sldMk cId="4215637894" sldId="262"/>
            <ac:picMk id="2052" creationId="{049813BD-CE2D-4227-9F7D-D42C2A7D98A3}"/>
          </ac:picMkLst>
        </pc:picChg>
      </pc:sldChg>
      <pc:sldChg chg="addSp delSp modSp mod">
        <pc:chgData name="., Sharadhi" userId="4ec069c5-4d27-4a0b-9dd6-f72dbc9faa00" providerId="ADAL" clId="{A1CC3CF4-EE41-428C-BF30-A121827D6DE2}" dt="2022-11-12T17:11:19.875" v="316" actId="571"/>
        <pc:sldMkLst>
          <pc:docMk/>
          <pc:sldMk cId="4119768863" sldId="263"/>
        </pc:sldMkLst>
        <pc:spChg chg="add mod">
          <ac:chgData name="., Sharadhi" userId="4ec069c5-4d27-4a0b-9dd6-f72dbc9faa00" providerId="ADAL" clId="{A1CC3CF4-EE41-428C-BF30-A121827D6DE2}" dt="2022-11-12T17:10:38.836" v="281" actId="20577"/>
          <ac:spMkLst>
            <pc:docMk/>
            <pc:sldMk cId="4119768863" sldId="263"/>
            <ac:spMk id="7" creationId="{93756CBD-D968-402B-8AEC-86D44E2EFD85}"/>
          </ac:spMkLst>
        </pc:spChg>
        <pc:spChg chg="add mod">
          <ac:chgData name="., Sharadhi" userId="4ec069c5-4d27-4a0b-9dd6-f72dbc9faa00" providerId="ADAL" clId="{A1CC3CF4-EE41-428C-BF30-A121827D6DE2}" dt="2022-11-12T17:10:56.307" v="311" actId="20577"/>
          <ac:spMkLst>
            <pc:docMk/>
            <pc:sldMk cId="4119768863" sldId="263"/>
            <ac:spMk id="8" creationId="{BADD703D-4A2F-4624-B1B1-3E39C4F2DF90}"/>
          </ac:spMkLst>
        </pc:spChg>
        <pc:spChg chg="add mod">
          <ac:chgData name="., Sharadhi" userId="4ec069c5-4d27-4a0b-9dd6-f72dbc9faa00" providerId="ADAL" clId="{A1CC3CF4-EE41-428C-BF30-A121827D6DE2}" dt="2022-11-12T17:11:19.875" v="316" actId="571"/>
          <ac:spMkLst>
            <pc:docMk/>
            <pc:sldMk cId="4119768863" sldId="263"/>
            <ac:spMk id="9" creationId="{BDB4F422-5FF0-4935-82D1-A0128DDEB181}"/>
          </ac:spMkLst>
        </pc:spChg>
        <pc:spChg chg="del">
          <ac:chgData name="., Sharadhi" userId="4ec069c5-4d27-4a0b-9dd6-f72dbc9faa00" providerId="ADAL" clId="{A1CC3CF4-EE41-428C-BF30-A121827D6DE2}" dt="2022-11-12T17:10:00.943" v="250" actId="478"/>
          <ac:spMkLst>
            <pc:docMk/>
            <pc:sldMk cId="4119768863" sldId="263"/>
            <ac:spMk id="23" creationId="{9CE2EB70-A2B2-4B21-AFA6-DB0EAC4D5667}"/>
          </ac:spMkLst>
        </pc:spChg>
        <pc:picChg chg="mod">
          <ac:chgData name="., Sharadhi" userId="4ec069c5-4d27-4a0b-9dd6-f72dbc9faa00" providerId="ADAL" clId="{A1CC3CF4-EE41-428C-BF30-A121827D6DE2}" dt="2022-11-12T17:10:13.867" v="253" actId="14100"/>
          <ac:picMkLst>
            <pc:docMk/>
            <pc:sldMk cId="4119768863" sldId="263"/>
            <ac:picMk id="3074" creationId="{C164184C-B845-4F6D-A977-ADB0A84DD2B7}"/>
          </ac:picMkLst>
        </pc:picChg>
        <pc:picChg chg="mod">
          <ac:chgData name="., Sharadhi" userId="4ec069c5-4d27-4a0b-9dd6-f72dbc9faa00" providerId="ADAL" clId="{A1CC3CF4-EE41-428C-BF30-A121827D6DE2}" dt="2022-11-12T17:10:08.203" v="252" actId="14100"/>
          <ac:picMkLst>
            <pc:docMk/>
            <pc:sldMk cId="4119768863" sldId="263"/>
            <ac:picMk id="3076" creationId="{046AA2CF-8D9B-47CA-9D2F-E01C031A8FED}"/>
          </ac:picMkLst>
        </pc:picChg>
      </pc:sldChg>
      <pc:sldChg chg="addSp delSp modSp mod">
        <pc:chgData name="., Sharadhi" userId="4ec069c5-4d27-4a0b-9dd6-f72dbc9faa00" providerId="ADAL" clId="{A1CC3CF4-EE41-428C-BF30-A121827D6DE2}" dt="2022-11-12T17:14:01.280" v="462" actId="20577"/>
        <pc:sldMkLst>
          <pc:docMk/>
          <pc:sldMk cId="1195353530" sldId="264"/>
        </pc:sldMkLst>
        <pc:spChg chg="add mod">
          <ac:chgData name="., Sharadhi" userId="4ec069c5-4d27-4a0b-9dd6-f72dbc9faa00" providerId="ADAL" clId="{A1CC3CF4-EE41-428C-BF30-A121827D6DE2}" dt="2022-11-12T17:12:39.270" v="416" actId="20577"/>
          <ac:spMkLst>
            <pc:docMk/>
            <pc:sldMk cId="1195353530" sldId="264"/>
            <ac:spMk id="6" creationId="{E537F8FB-C157-4117-8759-7ED491503C11}"/>
          </ac:spMkLst>
        </pc:spChg>
        <pc:spChg chg="add mod">
          <ac:chgData name="., Sharadhi" userId="4ec069c5-4d27-4a0b-9dd6-f72dbc9faa00" providerId="ADAL" clId="{A1CC3CF4-EE41-428C-BF30-A121827D6DE2}" dt="2022-11-12T17:14:01.280" v="462" actId="20577"/>
          <ac:spMkLst>
            <pc:docMk/>
            <pc:sldMk cId="1195353530" sldId="264"/>
            <ac:spMk id="7" creationId="{AED4653A-DAD9-4217-A800-1B3689381646}"/>
          </ac:spMkLst>
        </pc:spChg>
        <pc:spChg chg="del">
          <ac:chgData name="., Sharadhi" userId="4ec069c5-4d27-4a0b-9dd6-f72dbc9faa00" providerId="ADAL" clId="{A1CC3CF4-EE41-428C-BF30-A121827D6DE2}" dt="2022-11-12T17:11:03.808" v="312" actId="478"/>
          <ac:spMkLst>
            <pc:docMk/>
            <pc:sldMk cId="1195353530" sldId="264"/>
            <ac:spMk id="23" creationId="{9CE2EB70-A2B2-4B21-AFA6-DB0EAC4D5667}"/>
          </ac:spMkLst>
        </pc:spChg>
        <pc:picChg chg="mod">
          <ac:chgData name="., Sharadhi" userId="4ec069c5-4d27-4a0b-9dd6-f72dbc9faa00" providerId="ADAL" clId="{A1CC3CF4-EE41-428C-BF30-A121827D6DE2}" dt="2022-11-12T17:11:06.885" v="313" actId="14100"/>
          <ac:picMkLst>
            <pc:docMk/>
            <pc:sldMk cId="1195353530" sldId="264"/>
            <ac:picMk id="4098" creationId="{F15BE583-5FDF-4796-8505-C796EE8EAFBF}"/>
          </ac:picMkLst>
        </pc:picChg>
        <pc:picChg chg="mod">
          <ac:chgData name="., Sharadhi" userId="4ec069c5-4d27-4a0b-9dd6-f72dbc9faa00" providerId="ADAL" clId="{A1CC3CF4-EE41-428C-BF30-A121827D6DE2}" dt="2022-11-12T17:11:10.432" v="314" actId="14100"/>
          <ac:picMkLst>
            <pc:docMk/>
            <pc:sldMk cId="1195353530" sldId="264"/>
            <ac:picMk id="4100" creationId="{152D70CA-5DCE-4CD8-B668-E6FB8184FF0D}"/>
          </ac:picMkLst>
        </pc:picChg>
      </pc:sldChg>
      <pc:sldChg chg="addSp modSp mod">
        <pc:chgData name="., Sharadhi" userId="4ec069c5-4d27-4a0b-9dd6-f72dbc9faa00" providerId="ADAL" clId="{A1CC3CF4-EE41-428C-BF30-A121827D6DE2}" dt="2022-11-12T17:14:08.296" v="468" actId="20577"/>
        <pc:sldMkLst>
          <pc:docMk/>
          <pc:sldMk cId="95177953" sldId="265"/>
        </pc:sldMkLst>
        <pc:spChg chg="add mod">
          <ac:chgData name="., Sharadhi" userId="4ec069c5-4d27-4a0b-9dd6-f72dbc9faa00" providerId="ADAL" clId="{A1CC3CF4-EE41-428C-BF30-A121827D6DE2}" dt="2022-11-12T17:14:08.296" v="468" actId="20577"/>
          <ac:spMkLst>
            <pc:docMk/>
            <pc:sldMk cId="95177953" sldId="265"/>
            <ac:spMk id="5" creationId="{E468A32D-3CC1-4A89-B452-D734FBCA0829}"/>
          </ac:spMkLst>
        </pc:spChg>
        <pc:picChg chg="mod">
          <ac:chgData name="., Sharadhi" userId="4ec069c5-4d27-4a0b-9dd6-f72dbc9faa00" providerId="ADAL" clId="{A1CC3CF4-EE41-428C-BF30-A121827D6DE2}" dt="2022-11-12T17:13:14.668" v="438" actId="14100"/>
          <ac:picMkLst>
            <pc:docMk/>
            <pc:sldMk cId="95177953" sldId="265"/>
            <ac:picMk id="5122" creationId="{F069FF04-7517-425F-82CF-95AD86BC3179}"/>
          </ac:picMkLst>
        </pc:picChg>
      </pc:sldChg>
      <pc:sldChg chg="modSp mod modAnim">
        <pc:chgData name="., Sharadhi" userId="4ec069c5-4d27-4a0b-9dd6-f72dbc9faa00" providerId="ADAL" clId="{A1CC3CF4-EE41-428C-BF30-A121827D6DE2}" dt="2022-11-12T17:05:36.538" v="103" actId="20577"/>
        <pc:sldMkLst>
          <pc:docMk/>
          <pc:sldMk cId="1593834131" sldId="266"/>
        </pc:sldMkLst>
        <pc:spChg chg="mod">
          <ac:chgData name="., Sharadhi" userId="4ec069c5-4d27-4a0b-9dd6-f72dbc9faa00" providerId="ADAL" clId="{A1CC3CF4-EE41-428C-BF30-A121827D6DE2}" dt="2022-11-12T17:05:36.538" v="103" actId="20577"/>
          <ac:spMkLst>
            <pc:docMk/>
            <pc:sldMk cId="1593834131" sldId="266"/>
            <ac:spMk id="3" creationId="{F4F030CC-AFBE-4395-93F3-FA360F4487A7}"/>
          </ac:spMkLst>
        </pc:spChg>
        <pc:picChg chg="mod">
          <ac:chgData name="., Sharadhi" userId="4ec069c5-4d27-4a0b-9dd6-f72dbc9faa00" providerId="ADAL" clId="{A1CC3CF4-EE41-428C-BF30-A121827D6DE2}" dt="2022-11-12T17:04:44.831" v="95" actId="14100"/>
          <ac:picMkLst>
            <pc:docMk/>
            <pc:sldMk cId="1593834131" sldId="266"/>
            <ac:picMk id="4" creationId="{3859E021-3D04-07F0-9EF6-E337479928FC}"/>
          </ac:picMkLst>
        </pc:picChg>
      </pc:sldChg>
      <pc:sldChg chg="modSp mod">
        <pc:chgData name="., Sharadhi" userId="4ec069c5-4d27-4a0b-9dd6-f72dbc9faa00" providerId="ADAL" clId="{A1CC3CF4-EE41-428C-BF30-A121827D6DE2}" dt="2022-11-12T17:06:48.487" v="114" actId="2711"/>
        <pc:sldMkLst>
          <pc:docMk/>
          <pc:sldMk cId="369332093" sldId="267"/>
        </pc:sldMkLst>
        <pc:spChg chg="mod">
          <ac:chgData name="., Sharadhi" userId="4ec069c5-4d27-4a0b-9dd6-f72dbc9faa00" providerId="ADAL" clId="{A1CC3CF4-EE41-428C-BF30-A121827D6DE2}" dt="2022-11-12T17:06:38.674" v="111" actId="113"/>
          <ac:spMkLst>
            <pc:docMk/>
            <pc:sldMk cId="369332093" sldId="267"/>
            <ac:spMk id="2" creationId="{4F3BC181-8B35-46B6-A6C7-3FC4B46AC0BE}"/>
          </ac:spMkLst>
        </pc:spChg>
        <pc:spChg chg="mod">
          <ac:chgData name="., Sharadhi" userId="4ec069c5-4d27-4a0b-9dd6-f72dbc9faa00" providerId="ADAL" clId="{A1CC3CF4-EE41-428C-BF30-A121827D6DE2}" dt="2022-11-12T17:06:48.487" v="114" actId="2711"/>
          <ac:spMkLst>
            <pc:docMk/>
            <pc:sldMk cId="369332093" sldId="267"/>
            <ac:spMk id="3" creationId="{68744A2F-4C3C-4D7C-BB04-C5ABB457345E}"/>
          </ac:spMkLst>
        </pc:spChg>
      </pc:sldChg>
    </pc:docChg>
  </pc:docChgLst>
  <pc:docChgLst>
    <pc:chgData name="., Sharadhi" userId="S::sharadhi@sap.com::4ec069c5-4d27-4a0b-9dd6-f72dbc9faa00" providerId="AD" clId="Web-{FE9213BE-6A57-4ECE-D61A-949A1C7ADC29}"/>
    <pc:docChg chg="modSld">
      <pc:chgData name="., Sharadhi" userId="S::sharadhi@sap.com::4ec069c5-4d27-4a0b-9dd6-f72dbc9faa00" providerId="AD" clId="Web-{FE9213BE-6A57-4ECE-D61A-949A1C7ADC29}" dt="2022-11-11T16:49:06.768" v="2" actId="20577"/>
      <pc:docMkLst>
        <pc:docMk/>
      </pc:docMkLst>
      <pc:sldChg chg="modSp">
        <pc:chgData name="., Sharadhi" userId="S::sharadhi@sap.com::4ec069c5-4d27-4a0b-9dd6-f72dbc9faa00" providerId="AD" clId="Web-{FE9213BE-6A57-4ECE-D61A-949A1C7ADC29}" dt="2022-11-11T16:49:06.768" v="2" actId="20577"/>
        <pc:sldMkLst>
          <pc:docMk/>
          <pc:sldMk cId="4195061691" sldId="257"/>
        </pc:sldMkLst>
        <pc:spChg chg="mod">
          <ac:chgData name="., Sharadhi" userId="S::sharadhi@sap.com::4ec069c5-4d27-4a0b-9dd6-f72dbc9faa00" providerId="AD" clId="Web-{FE9213BE-6A57-4ECE-D61A-949A1C7ADC29}" dt="2022-11-11T16:49:06.768" v="2" actId="20577"/>
          <ac:spMkLst>
            <pc:docMk/>
            <pc:sldMk cId="4195061691" sldId="257"/>
            <ac:spMk id="4" creationId="{696EE638-7C24-43C3-9263-D0455820DAEA}"/>
          </ac:spMkLst>
        </pc:spChg>
      </pc:sldChg>
      <pc:sldChg chg="modSp">
        <pc:chgData name="., Sharadhi" userId="S::sharadhi@sap.com::4ec069c5-4d27-4a0b-9dd6-f72dbc9faa00" providerId="AD" clId="Web-{FE9213BE-6A57-4ECE-D61A-949A1C7ADC29}" dt="2022-11-11T16:48:55.924" v="1" actId="14100"/>
        <pc:sldMkLst>
          <pc:docMk/>
          <pc:sldMk cId="1593834131" sldId="266"/>
        </pc:sldMkLst>
        <pc:spChg chg="mod">
          <ac:chgData name="., Sharadhi" userId="S::sharadhi@sap.com::4ec069c5-4d27-4a0b-9dd6-f72dbc9faa00" providerId="AD" clId="Web-{FE9213BE-6A57-4ECE-D61A-949A1C7ADC29}" dt="2022-11-11T16:48:55.924" v="1" actId="14100"/>
          <ac:spMkLst>
            <pc:docMk/>
            <pc:sldMk cId="1593834131" sldId="266"/>
            <ac:spMk id="8" creationId="{A2657AE2-A510-4304-BEBC-EFCD71184872}"/>
          </ac:spMkLst>
        </pc:spChg>
      </pc:sldChg>
    </pc:docChg>
  </pc:docChgLst>
</pc:chgInfo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9" name="Group 18"/>
          <p:cNvGrpSpPr/>
          <p:nvPr/>
        </p:nvGrpSpPr>
        <p:grpSpPr>
          <a:xfrm>
            <a:off x="546100" y="-4763"/>
            <a:ext cx="5014912" cy="6862763"/>
            <a:chOff x="2928938" y="-4763"/>
            <a:chExt cx="5014912" cy="6862763"/>
          </a:xfrm>
        </p:grpSpPr>
        <p:sp>
          <p:nvSpPr>
            <p:cNvPr id="22" name="Freeform 6"/>
            <p:cNvSpPr/>
            <p:nvPr/>
          </p:nvSpPr>
          <p:spPr bwMode="auto">
            <a:xfrm>
              <a:off x="3367088" y="-4763"/>
              <a:ext cx="1063625" cy="2782888"/>
            </a:xfrm>
            <a:custGeom>
              <a:avLst/>
              <a:gdLst/>
              <a:ahLst/>
              <a:cxnLst/>
              <a:rect l="0" t="0" r="r" b="b"/>
              <a:pathLst>
                <a:path w="670" h="1753">
                  <a:moveTo>
                    <a:pt x="0" y="1696"/>
                  </a:moveTo>
                  <a:lnTo>
                    <a:pt x="225" y="1753"/>
                  </a:lnTo>
                  <a:lnTo>
                    <a:pt x="670" y="0"/>
                  </a:lnTo>
                  <a:lnTo>
                    <a:pt x="430" y="0"/>
                  </a:lnTo>
                  <a:lnTo>
                    <a:pt x="0" y="1696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</p:sp>
        <p:sp>
          <p:nvSpPr>
            <p:cNvPr id="23" name="Freeform 7"/>
            <p:cNvSpPr/>
            <p:nvPr/>
          </p:nvSpPr>
          <p:spPr bwMode="auto">
            <a:xfrm>
              <a:off x="2928938" y="-4763"/>
              <a:ext cx="1035050" cy="2673350"/>
            </a:xfrm>
            <a:custGeom>
              <a:avLst/>
              <a:gdLst/>
              <a:ahLst/>
              <a:cxnLst/>
              <a:rect l="0" t="0" r="r" b="b"/>
              <a:pathLst>
                <a:path w="652" h="1684">
                  <a:moveTo>
                    <a:pt x="225" y="1684"/>
                  </a:moveTo>
                  <a:lnTo>
                    <a:pt x="652" y="0"/>
                  </a:lnTo>
                  <a:lnTo>
                    <a:pt x="411" y="0"/>
                  </a:lnTo>
                  <a:lnTo>
                    <a:pt x="0" y="1627"/>
                  </a:lnTo>
                  <a:lnTo>
                    <a:pt x="219" y="1681"/>
                  </a:lnTo>
                  <a:lnTo>
                    <a:pt x="225" y="1684"/>
                  </a:lnTo>
                  <a:close/>
                </a:path>
              </a:pathLst>
            </a:custGeom>
            <a:solidFill>
              <a:schemeClr val="tx1">
                <a:lumMod val="65000"/>
                <a:lumOff val="35000"/>
              </a:schemeClr>
            </a:solidFill>
            <a:ln>
              <a:noFill/>
            </a:ln>
          </p:spPr>
        </p:sp>
        <p:sp>
          <p:nvSpPr>
            <p:cNvPr id="24" name="Freeform 9"/>
            <p:cNvSpPr/>
            <p:nvPr/>
          </p:nvSpPr>
          <p:spPr bwMode="auto">
            <a:xfrm>
              <a:off x="2928938" y="2582862"/>
              <a:ext cx="2693987" cy="4275138"/>
            </a:xfrm>
            <a:custGeom>
              <a:avLst/>
              <a:gdLst/>
              <a:ahLst/>
              <a:cxnLst/>
              <a:rect l="0" t="0" r="r" b="b"/>
              <a:pathLst>
                <a:path w="1697" h="2693">
                  <a:moveTo>
                    <a:pt x="0" y="0"/>
                  </a:moveTo>
                  <a:lnTo>
                    <a:pt x="1622" y="2693"/>
                  </a:lnTo>
                  <a:lnTo>
                    <a:pt x="1697" y="2693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tx1">
                <a:lumMod val="85000"/>
                <a:lumOff val="15000"/>
              </a:schemeClr>
            </a:solidFill>
            <a:ln>
              <a:noFill/>
            </a:ln>
          </p:spPr>
        </p:sp>
        <p:sp>
          <p:nvSpPr>
            <p:cNvPr id="25" name="Freeform 10"/>
            <p:cNvSpPr/>
            <p:nvPr/>
          </p:nvSpPr>
          <p:spPr bwMode="auto">
            <a:xfrm>
              <a:off x="3371850" y="2692400"/>
              <a:ext cx="3332162" cy="4165600"/>
            </a:xfrm>
            <a:custGeom>
              <a:avLst/>
              <a:gdLst/>
              <a:ahLst/>
              <a:cxnLst/>
              <a:rect l="0" t="0" r="r" b="b"/>
              <a:pathLst>
                <a:path w="2099" h="2624">
                  <a:moveTo>
                    <a:pt x="2099" y="2624"/>
                  </a:moveTo>
                  <a:lnTo>
                    <a:pt x="0" y="0"/>
                  </a:lnTo>
                  <a:lnTo>
                    <a:pt x="2021" y="2624"/>
                  </a:lnTo>
                  <a:lnTo>
                    <a:pt x="2099" y="2624"/>
                  </a:lnTo>
                  <a:close/>
                </a:path>
              </a:pathLst>
            </a:custGeom>
            <a:solidFill>
              <a:schemeClr val="accent1">
                <a:lumMod val="50000"/>
              </a:schemeClr>
            </a:solidFill>
            <a:ln>
              <a:noFill/>
            </a:ln>
          </p:spPr>
        </p:sp>
        <p:sp>
          <p:nvSpPr>
            <p:cNvPr id="26" name="Freeform 11"/>
            <p:cNvSpPr/>
            <p:nvPr/>
          </p:nvSpPr>
          <p:spPr bwMode="auto">
            <a:xfrm>
              <a:off x="3367088" y="2687637"/>
              <a:ext cx="4576762" cy="4170363"/>
            </a:xfrm>
            <a:custGeom>
              <a:avLst/>
              <a:gdLst/>
              <a:ahLst/>
              <a:cxnLst/>
              <a:rect l="0" t="0" r="r" b="b"/>
              <a:pathLst>
                <a:path w="2883" h="2627">
                  <a:moveTo>
                    <a:pt x="0" y="0"/>
                  </a:moveTo>
                  <a:lnTo>
                    <a:pt x="3" y="3"/>
                  </a:lnTo>
                  <a:lnTo>
                    <a:pt x="2102" y="2627"/>
                  </a:lnTo>
                  <a:lnTo>
                    <a:pt x="2883" y="2627"/>
                  </a:lnTo>
                  <a:lnTo>
                    <a:pt x="225" y="5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lumMod val="75000"/>
              </a:schemeClr>
            </a:solidFill>
            <a:ln>
              <a:noFill/>
            </a:ln>
          </p:spPr>
        </p:sp>
        <p:sp>
          <p:nvSpPr>
            <p:cNvPr id="27" name="Freeform 12"/>
            <p:cNvSpPr/>
            <p:nvPr/>
          </p:nvSpPr>
          <p:spPr bwMode="auto">
            <a:xfrm>
              <a:off x="2928938" y="2578100"/>
              <a:ext cx="3584575" cy="4279900"/>
            </a:xfrm>
            <a:custGeom>
              <a:avLst/>
              <a:gdLst/>
              <a:ahLst/>
              <a:cxnLst/>
              <a:rect l="0" t="0" r="r" b="b"/>
              <a:pathLst>
                <a:path w="2258" h="2696">
                  <a:moveTo>
                    <a:pt x="2258" y="2696"/>
                  </a:moveTo>
                  <a:lnTo>
                    <a:pt x="264" y="111"/>
                  </a:lnTo>
                  <a:lnTo>
                    <a:pt x="228" y="60"/>
                  </a:lnTo>
                  <a:lnTo>
                    <a:pt x="225" y="57"/>
                  </a:lnTo>
                  <a:lnTo>
                    <a:pt x="0" y="0"/>
                  </a:lnTo>
                  <a:lnTo>
                    <a:pt x="0" y="3"/>
                  </a:lnTo>
                  <a:lnTo>
                    <a:pt x="1697" y="2696"/>
                  </a:lnTo>
                  <a:lnTo>
                    <a:pt x="2258" y="2696"/>
                  </a:lnTo>
                  <a:close/>
                </a:path>
              </a:pathLst>
            </a:cu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2928401" y="1380068"/>
            <a:ext cx="8574622" cy="2616199"/>
          </a:xfrm>
        </p:spPr>
        <p:txBody>
          <a:bodyPr anchor="b">
            <a:normAutofit/>
          </a:bodyPr>
          <a:lstStyle>
            <a:lvl1pPr algn="r">
              <a:defRPr sz="6000">
                <a:effectLst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4515377" y="3996267"/>
            <a:ext cx="6987645" cy="1388534"/>
          </a:xfrm>
        </p:spPr>
        <p:txBody>
          <a:bodyPr anchor="t">
            <a:normAutofit/>
          </a:bodyPr>
          <a:lstStyle>
            <a:lvl1pPr marL="0" indent="0" algn="r">
              <a:buNone/>
              <a:defRPr sz="210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5332412" y="5883275"/>
            <a:ext cx="4324044" cy="365125"/>
          </a:xfrm>
        </p:spPr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1432582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Panoramic 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1" y="4732865"/>
            <a:ext cx="10018711" cy="566738"/>
          </a:xfrm>
        </p:spPr>
        <p:txBody>
          <a:bodyPr anchor="b">
            <a:normAutofit/>
          </a:bodyPr>
          <a:lstStyle>
            <a:lvl1pPr algn="ctr"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2386012" y="932112"/>
            <a:ext cx="8225944" cy="3164976"/>
          </a:xfrm>
          <a:prstGeom prst="roundRect">
            <a:avLst>
              <a:gd name="adj" fmla="val 4380"/>
            </a:avLst>
          </a:prstGeom>
          <a:ln w="38100">
            <a:gradFill flip="none" rotWithShape="1">
              <a:gsLst>
                <a:gs pos="0">
                  <a:schemeClr val="bg2"/>
                </a:gs>
                <a:gs pos="100000">
                  <a:schemeClr val="bg2">
                    <a:lumMod val="75000"/>
                  </a:schemeClr>
                </a:gs>
              </a:gsLst>
              <a:lin ang="5400000" scaled="0"/>
              <a:tileRect/>
            </a:gradFill>
          </a:ln>
          <a:effectLst>
            <a:innerShdw blurRad="57150" dist="38100" dir="14460000">
              <a:srgbClr val="000000">
                <a:alpha val="70000"/>
              </a:srgbClr>
            </a:inn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endParaRPr lang="en-US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484311" y="5299603"/>
            <a:ext cx="10018711" cy="493712"/>
          </a:xfrm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275644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2" y="685800"/>
            <a:ext cx="10018711" cy="3048000"/>
          </a:xfrm>
        </p:spPr>
        <p:txBody>
          <a:bodyPr anchor="ctr">
            <a:normAutofit/>
          </a:bodyPr>
          <a:lstStyle>
            <a:lvl1pPr algn="ctr">
              <a:defRPr sz="3200" b="0" cap="none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2" y="4343400"/>
            <a:ext cx="10018713" cy="14478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2942363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/>
          <p:cNvSpPr txBox="1"/>
          <p:nvPr/>
        </p:nvSpPr>
        <p:spPr>
          <a:xfrm>
            <a:off x="1598612" y="863023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/>
            <a:r>
              <a:rPr lang="en-US" sz="8000">
                <a:solidFill>
                  <a:schemeClr val="tx1"/>
                </a:solidFill>
                <a:effectLst/>
              </a:rPr>
              <a:t>“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10893425" y="2819399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 algn="r"/>
            <a:r>
              <a:rPr lang="en-US" sz="8000">
                <a:solidFill>
                  <a:schemeClr val="tx1"/>
                </a:solidFill>
                <a:effectLst/>
              </a:rPr>
              <a:t>”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208212" y="685800"/>
            <a:ext cx="8990012" cy="2743199"/>
          </a:xfrm>
        </p:spPr>
        <p:txBody>
          <a:bodyPr anchor="ctr">
            <a:normAutofit/>
          </a:bodyPr>
          <a:lstStyle>
            <a:lvl1pPr algn="ctr">
              <a:defRPr sz="3200" b="0" cap="none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2436811" y="3428999"/>
            <a:ext cx="8532815" cy="381000"/>
          </a:xfrm>
        </p:spPr>
        <p:txBody>
          <a:bodyPr anchor="ctr">
            <a:normAutofit/>
          </a:bodyPr>
          <a:lstStyle>
            <a:lvl1pPr marL="0" indent="0">
              <a:buFontTx/>
              <a:buNone/>
              <a:defRPr sz="1800"/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1" y="4343400"/>
            <a:ext cx="10018711" cy="14478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017946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3" y="3308581"/>
            <a:ext cx="10018709" cy="1468800"/>
          </a:xfrm>
        </p:spPr>
        <p:txBody>
          <a:bodyPr anchor="b">
            <a:normAutofit/>
          </a:bodyPr>
          <a:lstStyle>
            <a:lvl1pPr algn="r">
              <a:defRPr sz="3200" b="0" cap="none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2" y="4777381"/>
            <a:ext cx="10018710" cy="860400"/>
          </a:xfrm>
        </p:spPr>
        <p:txBody>
          <a:bodyPr anchor="t">
            <a:normAutofit/>
          </a:bodyPr>
          <a:lstStyle>
            <a:lvl1pPr marL="0" indent="0" algn="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9949525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/>
          <p:cNvSpPr txBox="1"/>
          <p:nvPr/>
        </p:nvSpPr>
        <p:spPr>
          <a:xfrm>
            <a:off x="1598612" y="863023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/>
            <a:r>
              <a:rPr lang="en-US" sz="8000">
                <a:solidFill>
                  <a:schemeClr val="tx1"/>
                </a:solidFill>
                <a:effectLst/>
              </a:rPr>
              <a:t>“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10893425" y="2819399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 algn="r"/>
            <a:r>
              <a:rPr lang="en-US" sz="8000">
                <a:solidFill>
                  <a:schemeClr val="tx1"/>
                </a:solidFill>
                <a:effectLst/>
              </a:rPr>
              <a:t>”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208212" y="685800"/>
            <a:ext cx="8990012" cy="2743199"/>
          </a:xfrm>
        </p:spPr>
        <p:txBody>
          <a:bodyPr anchor="ctr">
            <a:normAutofit/>
          </a:bodyPr>
          <a:lstStyle>
            <a:lvl1pPr algn="ctr">
              <a:defRPr sz="3200" b="0" cap="none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484313" y="3886200"/>
            <a:ext cx="10018710" cy="889000"/>
          </a:xfrm>
        </p:spPr>
        <p:txBody>
          <a:bodyPr vert="horz" lIns="91440" tIns="45720" rIns="91440" bIns="45720" rtlCol="0" anchor="b">
            <a:normAutofit/>
          </a:bodyPr>
          <a:lstStyle>
            <a:lvl1pPr algn="r">
              <a:buNone/>
              <a:defRPr lang="en-US" sz="2400" b="0" cap="none" dirty="0">
                <a:ln w="3175" cmpd="sng">
                  <a:noFill/>
                </a:ln>
                <a:solidFill>
                  <a:schemeClr val="tx1"/>
                </a:solidFill>
                <a:effectLst/>
              </a:defRPr>
            </a:lvl1pPr>
          </a:lstStyle>
          <a:p>
            <a:pPr marL="0" lvl="0">
              <a:spcBef>
                <a:spcPct val="0"/>
              </a:spcBef>
              <a:buNone/>
            </a:pPr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2" y="4775200"/>
            <a:ext cx="10018710" cy="1016000"/>
          </a:xfrm>
        </p:spPr>
        <p:txBody>
          <a:bodyPr anchor="t">
            <a:normAutofit/>
          </a:bodyPr>
          <a:lstStyle>
            <a:lvl1pPr marL="0" indent="0" algn="r"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33573483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ue or Fa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3" y="685800"/>
            <a:ext cx="10018712" cy="2727325"/>
          </a:xfrm>
        </p:spPr>
        <p:txBody>
          <a:bodyPr vert="horz" lIns="91440" tIns="45720" rIns="91440" bIns="45720" rtlCol="0" anchor="ctr">
            <a:normAutofit/>
          </a:bodyPr>
          <a:lstStyle>
            <a:lvl1pPr>
              <a:defRPr lang="en-US" b="0" dirty="0"/>
            </a:lvl1pPr>
          </a:lstStyle>
          <a:p>
            <a:pPr marL="0" lvl="0"/>
            <a:r>
              <a:rPr lang="en-US"/>
              <a:t>Click to edit Master title style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484312" y="3505200"/>
            <a:ext cx="10018713" cy="838200"/>
          </a:xfrm>
        </p:spPr>
        <p:txBody>
          <a:bodyPr vert="horz" lIns="91440" tIns="45720" rIns="91440" bIns="45720" rtlCol="0" anchor="b">
            <a:normAutofit/>
          </a:bodyPr>
          <a:lstStyle>
            <a:lvl1pPr>
              <a:buNone/>
              <a:defRPr lang="en-US" sz="2800" b="0" cap="none" dirty="0">
                <a:ln w="3175" cmpd="sng">
                  <a:noFill/>
                </a:ln>
                <a:solidFill>
                  <a:schemeClr val="tx1"/>
                </a:solidFill>
                <a:effectLst/>
              </a:defRPr>
            </a:lvl1pPr>
          </a:lstStyle>
          <a:p>
            <a:pPr marL="0" lvl="0">
              <a:spcBef>
                <a:spcPct val="0"/>
              </a:spcBef>
              <a:buNone/>
            </a:pPr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1" y="4343400"/>
            <a:ext cx="10018713" cy="1447800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63861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 algn="ctr"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875607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9732655" y="685800"/>
            <a:ext cx="1770369" cy="5105400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1484312" y="685800"/>
            <a:ext cx="8019742" cy="5105400"/>
          </a:xfrm>
        </p:spPr>
        <p:txBody>
          <a:bodyPr vert="eaVert"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915584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anchor="ctr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10951856" y="5867131"/>
            <a:ext cx="551167" cy="365125"/>
          </a:xfrm>
        </p:spPr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3646074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572279" y="2666999"/>
            <a:ext cx="8930747" cy="2110382"/>
          </a:xfrm>
        </p:spPr>
        <p:txBody>
          <a:bodyPr anchor="b"/>
          <a:lstStyle>
            <a:lvl1pPr algn="r">
              <a:defRPr sz="4000" b="0" cap="none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572278" y="4777381"/>
            <a:ext cx="8930748" cy="860400"/>
          </a:xfrm>
        </p:spPr>
        <p:txBody>
          <a:bodyPr anchor="t">
            <a:normAutofit/>
          </a:bodyPr>
          <a:lstStyle>
            <a:lvl1pPr marL="0" indent="0" algn="r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110712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1" y="685800"/>
            <a:ext cx="10018713" cy="1752599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484312" y="2666999"/>
            <a:ext cx="4895055" cy="3124201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07967" y="2667000"/>
            <a:ext cx="4895056" cy="3124200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8739988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772179" y="2658533"/>
            <a:ext cx="4607188" cy="576262"/>
          </a:xfrm>
        </p:spPr>
        <p:txBody>
          <a:bodyPr anchor="b">
            <a:noAutofit/>
          </a:bodyPr>
          <a:lstStyle>
            <a:lvl1pPr marL="0" indent="0">
              <a:buNone/>
              <a:defRPr sz="2800" b="0">
                <a:solidFill>
                  <a:schemeClr val="accent1">
                    <a:lumMod val="75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1484311" y="3335337"/>
            <a:ext cx="4895056" cy="2455862"/>
          </a:xfrm>
        </p:spPr>
        <p:txBody>
          <a:bodyPr anchor="t"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880487" y="2667000"/>
            <a:ext cx="4622537" cy="576262"/>
          </a:xfrm>
        </p:spPr>
        <p:txBody>
          <a:bodyPr anchor="b">
            <a:noAutofit/>
          </a:bodyPr>
          <a:lstStyle>
            <a:lvl1pPr marL="0" indent="0">
              <a:buNone/>
              <a:defRPr sz="2800" b="0">
                <a:solidFill>
                  <a:schemeClr val="accent1">
                    <a:lumMod val="75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607967" y="3335337"/>
            <a:ext cx="4895056" cy="2455862"/>
          </a:xfrm>
        </p:spPr>
        <p:txBody>
          <a:bodyPr anchor="t"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313890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474455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6740926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4312" y="1600200"/>
            <a:ext cx="3549121" cy="1371600"/>
          </a:xfrm>
        </p:spPr>
        <p:txBody>
          <a:bodyPr anchor="b">
            <a:normAutofit/>
          </a:bodyPr>
          <a:lstStyle>
            <a:lvl1pPr algn="ctr">
              <a:defRPr sz="24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262033" y="685799"/>
            <a:ext cx="6240990" cy="5105401"/>
          </a:xfrm>
        </p:spPr>
        <p:txBody>
          <a:bodyPr anchor="ctr">
            <a:normAutofit/>
          </a:bodyPr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484312" y="2971800"/>
            <a:ext cx="3549121" cy="1828800"/>
          </a:xfrm>
        </p:spPr>
        <p:txBody>
          <a:bodyPr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3215732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2724" y="1752599"/>
            <a:ext cx="5426158" cy="1371600"/>
          </a:xfrm>
        </p:spPr>
        <p:txBody>
          <a:bodyPr anchor="b">
            <a:normAutofit/>
          </a:bodyPr>
          <a:lstStyle>
            <a:lvl1pPr algn="ctr">
              <a:defRPr sz="2800" b="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4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7594682" y="914400"/>
            <a:ext cx="3280974" cy="4572000"/>
          </a:xfrm>
          <a:prstGeom prst="roundRect">
            <a:avLst>
              <a:gd name="adj" fmla="val 4280"/>
            </a:avLst>
          </a:prstGeom>
          <a:ln w="38100">
            <a:gradFill flip="none" rotWithShape="1">
              <a:gsLst>
                <a:gs pos="0">
                  <a:schemeClr val="bg2"/>
                </a:gs>
                <a:gs pos="100000">
                  <a:schemeClr val="bg2">
                    <a:lumMod val="75000"/>
                  </a:schemeClr>
                </a:gs>
              </a:gsLst>
              <a:lin ang="5400000" scaled="0"/>
              <a:tileRect/>
            </a:gradFill>
          </a:ln>
          <a:effectLst>
            <a:innerShdw blurRad="57150" dist="38100" dir="14460000">
              <a:srgbClr val="000000">
                <a:alpha val="70000"/>
              </a:srgbClr>
            </a:inn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endParaRPr lang="en-US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482724" y="3124199"/>
            <a:ext cx="5426158" cy="1828800"/>
          </a:xfrm>
        </p:spPr>
        <p:txBody>
          <a:bodyPr>
            <a:normAutofit/>
          </a:bodyPr>
          <a:lstStyle>
            <a:lvl1pPr marL="0" indent="0" algn="ctr">
              <a:buNone/>
              <a:defRPr sz="18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8190266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150812" y="0"/>
            <a:ext cx="2436813" cy="6858001"/>
            <a:chOff x="1320800" y="0"/>
            <a:chExt cx="2436813" cy="6858001"/>
          </a:xfrm>
        </p:grpSpPr>
        <p:sp>
          <p:nvSpPr>
            <p:cNvPr id="8" name="Freeform 6"/>
            <p:cNvSpPr/>
            <p:nvPr/>
          </p:nvSpPr>
          <p:spPr bwMode="auto">
            <a:xfrm>
              <a:off x="1627188" y="0"/>
              <a:ext cx="1122363" cy="5329238"/>
            </a:xfrm>
            <a:custGeom>
              <a:avLst/>
              <a:gdLst/>
              <a:ahLst/>
              <a:cxnLst/>
              <a:rect l="0" t="0" r="r" b="b"/>
              <a:pathLst>
                <a:path w="707" h="3357">
                  <a:moveTo>
                    <a:pt x="0" y="3330"/>
                  </a:moveTo>
                  <a:lnTo>
                    <a:pt x="156" y="3357"/>
                  </a:lnTo>
                  <a:lnTo>
                    <a:pt x="707" y="0"/>
                  </a:lnTo>
                  <a:lnTo>
                    <a:pt x="547" y="0"/>
                  </a:lnTo>
                  <a:lnTo>
                    <a:pt x="0" y="333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</p:sp>
        <p:sp>
          <p:nvSpPr>
            <p:cNvPr id="9" name="Freeform 7"/>
            <p:cNvSpPr/>
            <p:nvPr/>
          </p:nvSpPr>
          <p:spPr bwMode="auto">
            <a:xfrm>
              <a:off x="1320800" y="0"/>
              <a:ext cx="1117600" cy="5276850"/>
            </a:xfrm>
            <a:custGeom>
              <a:avLst/>
              <a:gdLst/>
              <a:ahLst/>
              <a:cxnLst/>
              <a:rect l="0" t="0" r="r" b="b"/>
              <a:pathLst>
                <a:path w="704" h="3324">
                  <a:moveTo>
                    <a:pt x="704" y="0"/>
                  </a:moveTo>
                  <a:lnTo>
                    <a:pt x="545" y="0"/>
                  </a:lnTo>
                  <a:lnTo>
                    <a:pt x="0" y="3300"/>
                  </a:lnTo>
                  <a:lnTo>
                    <a:pt x="157" y="3324"/>
                  </a:lnTo>
                  <a:lnTo>
                    <a:pt x="704" y="0"/>
                  </a:lnTo>
                  <a:close/>
                </a:path>
              </a:pathLst>
            </a:custGeom>
            <a:solidFill>
              <a:schemeClr val="tx1">
                <a:lumMod val="65000"/>
                <a:lumOff val="35000"/>
              </a:schemeClr>
            </a:solidFill>
            <a:ln>
              <a:noFill/>
            </a:ln>
          </p:spPr>
        </p:sp>
        <p:sp>
          <p:nvSpPr>
            <p:cNvPr id="10" name="Freeform 8"/>
            <p:cNvSpPr/>
            <p:nvPr/>
          </p:nvSpPr>
          <p:spPr bwMode="auto">
            <a:xfrm>
              <a:off x="1320800" y="5238750"/>
              <a:ext cx="1228725" cy="1619250"/>
            </a:xfrm>
            <a:custGeom>
              <a:avLst/>
              <a:gdLst/>
              <a:ahLst/>
              <a:cxnLst/>
              <a:rect l="0" t="0" r="r" b="b"/>
              <a:pathLst>
                <a:path w="774" h="1020">
                  <a:moveTo>
                    <a:pt x="0" y="0"/>
                  </a:moveTo>
                  <a:lnTo>
                    <a:pt x="740" y="1020"/>
                  </a:lnTo>
                  <a:lnTo>
                    <a:pt x="774" y="102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tx1">
                <a:lumMod val="85000"/>
                <a:lumOff val="15000"/>
              </a:schemeClr>
            </a:solidFill>
            <a:ln>
              <a:noFill/>
            </a:ln>
          </p:spPr>
        </p:sp>
        <p:sp>
          <p:nvSpPr>
            <p:cNvPr id="11" name="Freeform 9"/>
            <p:cNvSpPr/>
            <p:nvPr/>
          </p:nvSpPr>
          <p:spPr bwMode="auto">
            <a:xfrm>
              <a:off x="1627188" y="5291138"/>
              <a:ext cx="1495425" cy="1566863"/>
            </a:xfrm>
            <a:custGeom>
              <a:avLst/>
              <a:gdLst/>
              <a:ahLst/>
              <a:cxnLst/>
              <a:rect l="0" t="0" r="r" b="b"/>
              <a:pathLst>
                <a:path w="942" h="987">
                  <a:moveTo>
                    <a:pt x="0" y="0"/>
                  </a:moveTo>
                  <a:lnTo>
                    <a:pt x="909" y="987"/>
                  </a:lnTo>
                  <a:lnTo>
                    <a:pt x="942" y="98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lumMod val="50000"/>
              </a:schemeClr>
            </a:solidFill>
            <a:ln>
              <a:noFill/>
            </a:ln>
          </p:spPr>
        </p:sp>
        <p:sp>
          <p:nvSpPr>
            <p:cNvPr id="12" name="Freeform 10"/>
            <p:cNvSpPr/>
            <p:nvPr/>
          </p:nvSpPr>
          <p:spPr bwMode="auto">
            <a:xfrm>
              <a:off x="1627188" y="5286375"/>
              <a:ext cx="2130425" cy="1571625"/>
            </a:xfrm>
            <a:custGeom>
              <a:avLst/>
              <a:gdLst/>
              <a:ahLst/>
              <a:cxnLst/>
              <a:rect l="0" t="0" r="r" b="b"/>
              <a:pathLst>
                <a:path w="1342" h="990">
                  <a:moveTo>
                    <a:pt x="0" y="3"/>
                  </a:moveTo>
                  <a:lnTo>
                    <a:pt x="942" y="990"/>
                  </a:lnTo>
                  <a:lnTo>
                    <a:pt x="1342" y="990"/>
                  </a:lnTo>
                  <a:lnTo>
                    <a:pt x="156" y="27"/>
                  </a:lnTo>
                  <a:lnTo>
                    <a:pt x="0" y="0"/>
                  </a:lnTo>
                  <a:lnTo>
                    <a:pt x="0" y="3"/>
                  </a:lnTo>
                  <a:close/>
                </a:path>
              </a:pathLst>
            </a:custGeom>
            <a:solidFill>
              <a:schemeClr val="accent1">
                <a:lumMod val="75000"/>
              </a:schemeClr>
            </a:solidFill>
            <a:ln>
              <a:noFill/>
            </a:ln>
          </p:spPr>
        </p:sp>
        <p:sp>
          <p:nvSpPr>
            <p:cNvPr id="13" name="Freeform 11"/>
            <p:cNvSpPr/>
            <p:nvPr/>
          </p:nvSpPr>
          <p:spPr bwMode="auto">
            <a:xfrm>
              <a:off x="1320800" y="5238750"/>
              <a:ext cx="1695450" cy="1619250"/>
            </a:xfrm>
            <a:custGeom>
              <a:avLst/>
              <a:gdLst/>
              <a:ahLst/>
              <a:cxnLst/>
              <a:rect l="0" t="0" r="r" b="b"/>
              <a:pathLst>
                <a:path w="1068" h="1020">
                  <a:moveTo>
                    <a:pt x="1068" y="1020"/>
                  </a:moveTo>
                  <a:lnTo>
                    <a:pt x="184" y="60"/>
                  </a:lnTo>
                  <a:lnTo>
                    <a:pt x="154" y="27"/>
                  </a:lnTo>
                  <a:lnTo>
                    <a:pt x="157" y="27"/>
                  </a:lnTo>
                  <a:lnTo>
                    <a:pt x="157" y="24"/>
                  </a:lnTo>
                  <a:lnTo>
                    <a:pt x="154" y="24"/>
                  </a:lnTo>
                  <a:lnTo>
                    <a:pt x="0" y="0"/>
                  </a:lnTo>
                  <a:lnTo>
                    <a:pt x="0" y="0"/>
                  </a:lnTo>
                  <a:lnTo>
                    <a:pt x="774" y="1020"/>
                  </a:lnTo>
                  <a:lnTo>
                    <a:pt x="1068" y="1020"/>
                  </a:lnTo>
                  <a:close/>
                </a:path>
              </a:pathLst>
            </a:cu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484311" y="685800"/>
            <a:ext cx="10018713" cy="1752599"/>
          </a:xfrm>
          <a:prstGeom prst="rect">
            <a:avLst/>
          </a:prstGeom>
          <a:effectLst/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84310" y="2666999"/>
            <a:ext cx="10018713" cy="3124201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9732656" y="5883275"/>
            <a:ext cx="11430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000" b="0" i="0">
                <a:solidFill>
                  <a:schemeClr val="tx1"/>
                </a:solidFill>
                <a:effectLst/>
                <a:latin typeface="+mn-lt"/>
              </a:defRPr>
            </a:lvl1pPr>
          </a:lstStyle>
          <a:p>
            <a:fld id="{B61BEF0D-F0BB-DE4B-95CE-6DB70DBA9567}" type="datetimeFigureOut">
              <a:rPr lang="en-US" dirty="0"/>
              <a:pPr/>
              <a:t>11/12/2022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572279" y="5883275"/>
            <a:ext cx="7084177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0" b="0" i="0">
                <a:solidFill>
                  <a:schemeClr val="tx1"/>
                </a:solidFill>
                <a:effectLst/>
                <a:latin typeface="+mn-lt"/>
              </a:defRPr>
            </a:lvl1pPr>
          </a:lstStyle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951856" y="5883275"/>
            <a:ext cx="551167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000" b="0" i="0">
                <a:solidFill>
                  <a:schemeClr val="tx1"/>
                </a:solidFill>
                <a:effectLst/>
                <a:latin typeface="+mn-lt"/>
              </a:defRPr>
            </a:lvl1pPr>
          </a:lstStyle>
          <a:p>
            <a:fld id="{D57F1E4F-1CFF-5643-939E-217C01CDF565}" type="slidenum">
              <a:rPr lang="en-US" dirty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4053670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39" r:id="rId1"/>
    <p:sldLayoutId id="2147483740" r:id="rId2"/>
    <p:sldLayoutId id="2147483741" r:id="rId3"/>
    <p:sldLayoutId id="2147483742" r:id="rId4"/>
    <p:sldLayoutId id="2147483743" r:id="rId5"/>
    <p:sldLayoutId id="2147483744" r:id="rId6"/>
    <p:sldLayoutId id="2147483745" r:id="rId7"/>
    <p:sldLayoutId id="2147483746" r:id="rId8"/>
    <p:sldLayoutId id="2147483747" r:id="rId9"/>
    <p:sldLayoutId id="2147483748" r:id="rId10"/>
    <p:sldLayoutId id="2147483749" r:id="rId11"/>
    <p:sldLayoutId id="2147483750" r:id="rId12"/>
    <p:sldLayoutId id="2147483751" r:id="rId13"/>
    <p:sldLayoutId id="2147483752" r:id="rId14"/>
    <p:sldLayoutId id="2147483753" r:id="rId15"/>
    <p:sldLayoutId id="2147483754" r:id="rId16"/>
    <p:sldLayoutId id="2147483755" r:id="rId17"/>
  </p:sldLayoutIdLst>
  <p:txStyles>
    <p:titleStyle>
      <a:lvl1pPr algn="ctr" defTabSz="457200" rtl="0" eaLnBrk="1" latinLnBrk="0" hangingPunct="1">
        <a:spcBef>
          <a:spcPct val="0"/>
        </a:spcBef>
        <a:buNone/>
        <a:defRPr sz="4000" kern="1200" cap="none">
          <a:ln w="3175" cmpd="sng">
            <a:noFill/>
          </a:ln>
          <a:solidFill>
            <a:schemeClr val="tx1"/>
          </a:solidFill>
          <a:effectLst/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285750" indent="-2857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2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20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2pPr>
      <a:lvl3pPr marL="1200150" indent="-2857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8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3pPr>
      <a:lvl4pPr marL="1543050" indent="-1714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6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4pPr>
      <a:lvl5pPr marL="2000250" indent="-17145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ct val="20000"/>
        </a:spcBef>
        <a:spcAft>
          <a:spcPts val="600"/>
        </a:spcAft>
        <a:buClr>
          <a:schemeClr val="accent1">
            <a:lumMod val="75000"/>
          </a:schemeClr>
        </a:buClr>
        <a:buSzPct val="145000"/>
        <a:buFont typeface="Arial"/>
        <a:buChar char="•"/>
        <a:defRPr sz="1400" kern="1200" cap="none">
          <a:solidFill>
            <a:schemeClr val="tx1"/>
          </a:solidFill>
          <a:effectLst/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gif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gif"/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gif"/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00AB0E88-40C3-4006-A246-6110D412285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923802" y="3942609"/>
            <a:ext cx="9512136" cy="2196934"/>
          </a:xfrm>
        </p:spPr>
        <p:txBody>
          <a:bodyPr>
            <a:normAutofit fontScale="85000" lnSpcReduction="20000"/>
          </a:bodyPr>
          <a:lstStyle/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                                  TEAM -  6</a:t>
            </a:r>
          </a:p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G. Aishwarya -2021SP93074</a:t>
            </a:r>
          </a:p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Sharadhi-2021SP93034</a:t>
            </a:r>
          </a:p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Pragti Singh-2021SP93061</a:t>
            </a:r>
          </a:p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Pratyush Sinha-2021SP93070</a:t>
            </a:r>
          </a:p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Mohit M-2021SP93069</a:t>
            </a:r>
          </a:p>
          <a:p>
            <a:endParaRPr lang="en-NL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6A9850E-D6B0-404E-B0A9-742DA2404952}"/>
              </a:ext>
            </a:extLst>
          </p:cNvPr>
          <p:cNvSpPr txBox="1"/>
          <p:nvPr/>
        </p:nvSpPr>
        <p:spPr>
          <a:xfrm>
            <a:off x="3576292" y="1393318"/>
            <a:ext cx="6217455" cy="2031325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r>
              <a:rPr lang="en-US" sz="4200" b="1">
                <a:latin typeface="Times New Roman"/>
                <a:cs typeface="Times New Roman"/>
              </a:rPr>
              <a:t>CROSS-PLATFORM </a:t>
            </a:r>
            <a:endParaRPr lang="en-IN" sz="4200" b="1">
              <a:latin typeface="Times New Roman"/>
              <a:cs typeface="Times New Roman"/>
            </a:endParaRPr>
          </a:p>
          <a:p>
            <a:r>
              <a:rPr lang="en-US" sz="4200" b="1">
                <a:latin typeface="Times New Roman"/>
                <a:cs typeface="Times New Roman"/>
              </a:rPr>
              <a:t>APPLICATION </a:t>
            </a:r>
            <a:endParaRPr lang="en-IN" sz="4200" b="1">
              <a:latin typeface="Times New Roman"/>
              <a:cs typeface="Times New Roman"/>
            </a:endParaRPr>
          </a:p>
          <a:p>
            <a:r>
              <a:rPr lang="en-US" sz="4200" b="1">
                <a:latin typeface="Times New Roman"/>
                <a:cs typeface="Times New Roman"/>
              </a:rPr>
              <a:t>DEVELOPMENT</a:t>
            </a:r>
            <a:endParaRPr lang="en-IN" sz="4200" b="1">
              <a:latin typeface="Times New Roman"/>
              <a:cs typeface="Times New Roman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Box 17">
            <a:extLst>
              <a:ext uri="{FF2B5EF4-FFF2-40B4-BE49-F238E27FC236}">
                <a16:creationId xmlns:a16="http://schemas.microsoft.com/office/drawing/2014/main" id="{7D01908F-E089-4845-B49F-52C96A1E6AD6}"/>
              </a:ext>
            </a:extLst>
          </p:cNvPr>
          <p:cNvSpPr txBox="1"/>
          <p:nvPr/>
        </p:nvSpPr>
        <p:spPr>
          <a:xfrm>
            <a:off x="3136683" y="218587"/>
            <a:ext cx="6097554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kumimoji="0" lang="en-US" sz="4000" b="1" i="0" u="none" strike="noStrike" kern="1200" cap="none" spc="0" normalizeH="0" baseline="0" noProof="0">
                <a:ln w="3175" cmpd="sng"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Times New Roman" panose="02020603050405020304" pitchFamily="18" charset="0"/>
                <a:ea typeface="+mj-ea"/>
                <a:cs typeface="Times New Roman" panose="02020603050405020304" pitchFamily="18" charset="0"/>
              </a:rPr>
              <a:t>MOCK UI(Continued…)</a:t>
            </a:r>
            <a:endParaRPr lang="en-IN"/>
          </a:p>
        </p:txBody>
      </p:sp>
      <p:pic>
        <p:nvPicPr>
          <p:cNvPr id="4098" name="Picture 2" descr="image">
            <a:extLst>
              <a:ext uri="{FF2B5EF4-FFF2-40B4-BE49-F238E27FC236}">
                <a16:creationId xmlns:a16="http://schemas.microsoft.com/office/drawing/2014/main" id="{F15BE583-5FDF-4796-8505-C796EE8EAFB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460348" y="926473"/>
            <a:ext cx="2428893" cy="50922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00" name="Picture 4" descr="image">
            <a:extLst>
              <a:ext uri="{FF2B5EF4-FFF2-40B4-BE49-F238E27FC236}">
                <a16:creationId xmlns:a16="http://schemas.microsoft.com/office/drawing/2014/main" id="{152D70CA-5DCE-4CD8-B668-E6FB8184FF0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81679" y="926473"/>
            <a:ext cx="2428893" cy="50922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E537F8FB-C157-4117-8759-7ED491503C11}"/>
              </a:ext>
            </a:extLst>
          </p:cNvPr>
          <p:cNvSpPr txBox="1"/>
          <p:nvPr/>
        </p:nvSpPr>
        <p:spPr>
          <a:xfrm>
            <a:off x="2460347" y="6034676"/>
            <a:ext cx="3352623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7) On Click of  Create Task button Create Task Page Opens Up</a:t>
            </a:r>
            <a:endParaRPr lang="en-IN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ED4653A-DAD9-4217-A800-1B3689381646}"/>
              </a:ext>
            </a:extLst>
          </p:cNvPr>
          <p:cNvSpPr txBox="1"/>
          <p:nvPr/>
        </p:nvSpPr>
        <p:spPr>
          <a:xfrm>
            <a:off x="7481679" y="6173175"/>
            <a:ext cx="354710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8) Create New Chat Group  Page</a:t>
            </a:r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119535353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Box 17">
            <a:extLst>
              <a:ext uri="{FF2B5EF4-FFF2-40B4-BE49-F238E27FC236}">
                <a16:creationId xmlns:a16="http://schemas.microsoft.com/office/drawing/2014/main" id="{7D01908F-E089-4845-B49F-52C96A1E6AD6}"/>
              </a:ext>
            </a:extLst>
          </p:cNvPr>
          <p:cNvSpPr txBox="1"/>
          <p:nvPr/>
        </p:nvSpPr>
        <p:spPr>
          <a:xfrm>
            <a:off x="3397073" y="331857"/>
            <a:ext cx="6097554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kumimoji="0" lang="en-US" sz="4000" b="1" i="0" u="none" strike="noStrike" kern="1200" cap="none" spc="0" normalizeH="0" baseline="0" noProof="0">
                <a:ln w="3175" cmpd="sng"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Times New Roman" panose="02020603050405020304" pitchFamily="18" charset="0"/>
                <a:ea typeface="+mj-ea"/>
                <a:cs typeface="Times New Roman" panose="02020603050405020304" pitchFamily="18" charset="0"/>
              </a:rPr>
              <a:t>MOCK UI(Continued…)</a:t>
            </a:r>
            <a:endParaRPr lang="en-IN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8E76AE-C089-40D3-ABEE-01825DCF170B}"/>
              </a:ext>
            </a:extLst>
          </p:cNvPr>
          <p:cNvSpPr txBox="1"/>
          <p:nvPr/>
        </p:nvSpPr>
        <p:spPr>
          <a:xfrm>
            <a:off x="5241520" y="6195527"/>
            <a:ext cx="190883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/>
              <a:t>      </a:t>
            </a:r>
            <a:endParaRPr lang="en-IN"/>
          </a:p>
        </p:txBody>
      </p:sp>
      <p:pic>
        <p:nvPicPr>
          <p:cNvPr id="5122" name="Picture 2" descr="image">
            <a:extLst>
              <a:ext uri="{FF2B5EF4-FFF2-40B4-BE49-F238E27FC236}">
                <a16:creationId xmlns:a16="http://schemas.microsoft.com/office/drawing/2014/main" id="{F069FF04-7517-425F-82CF-95AD86BC317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241520" y="1152938"/>
            <a:ext cx="2502888" cy="50425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E468A32D-3CC1-4A89-B452-D734FBCA0829}"/>
              </a:ext>
            </a:extLst>
          </p:cNvPr>
          <p:cNvSpPr txBox="1"/>
          <p:nvPr/>
        </p:nvSpPr>
        <p:spPr>
          <a:xfrm>
            <a:off x="5130365" y="6308722"/>
            <a:ext cx="299201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10</a:t>
            </a:r>
            <a:r>
              <a:rPr lang="en-US"/>
              <a:t>)Group Chat  </a:t>
            </a:r>
            <a:r>
              <a:rPr lang="en-US" dirty="0"/>
              <a:t>Page</a:t>
            </a:r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9517795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CA0B8FB-211A-4558-A1E7-67A38F54FB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87428" y="2799607"/>
            <a:ext cx="10018713" cy="1752599"/>
          </a:xfrm>
        </p:spPr>
        <p:txBody>
          <a:bodyPr>
            <a:normAutofit/>
          </a:bodyPr>
          <a:lstStyle/>
          <a:p>
            <a:r>
              <a:rPr lang="en-US" sz="5000" b="1">
                <a:latin typeface="Times New Roman" panose="02020603050405020304" pitchFamily="18" charset="0"/>
                <a:cs typeface="Times New Roman" panose="02020603050405020304" pitchFamily="18" charset="0"/>
              </a:rPr>
              <a:t>THANK YOU</a:t>
            </a:r>
            <a:endParaRPr lang="en-IN" sz="5000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6936166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B5725FA-EF89-4317-B62D-9CB2CAE6A63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09" y="481437"/>
            <a:ext cx="10018713" cy="963685"/>
          </a:xfrm>
        </p:spPr>
        <p:txBody>
          <a:bodyPr/>
          <a:lstStyle/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PROBLEM STATEMENT</a:t>
            </a:r>
            <a:endParaRPr lang="en-IN" b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F030CC-AFBE-4395-93F3-FA360F4487A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84309" y="1513243"/>
            <a:ext cx="10018714" cy="4682284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en-US" sz="2000" dirty="0"/>
              <a:t>Do any of the following seem familiar?</a:t>
            </a:r>
          </a:p>
          <a:p>
            <a:r>
              <a:rPr lang="en-US" sz="2000" dirty="0"/>
              <a:t>You often feel completely overwhelmed with the amount of work</a:t>
            </a:r>
          </a:p>
          <a:p>
            <a:pPr marL="0" indent="0">
              <a:buNone/>
            </a:pPr>
            <a:r>
              <a:rPr lang="en-US" sz="2000" dirty="0"/>
              <a:t> you’ve got to do?</a:t>
            </a:r>
          </a:p>
          <a:p>
            <a:r>
              <a:rPr lang="en-US" sz="2000" dirty="0"/>
              <a:t>You sometimes forget to do things that are important</a:t>
            </a:r>
          </a:p>
          <a:p>
            <a:r>
              <a:rPr lang="en-US" sz="2000" dirty="0"/>
              <a:t>People have to chase you to get things done</a:t>
            </a:r>
          </a:p>
          <a:p>
            <a:r>
              <a:rPr lang="en-US" sz="2000" dirty="0"/>
              <a:t>You find it a struggle to keep to deadlines</a:t>
            </a:r>
          </a:p>
          <a:p>
            <a:pPr marL="0" indent="0">
              <a:buNone/>
            </a:pPr>
            <a:r>
              <a:rPr lang="en-US" sz="2000" dirty="0"/>
              <a:t>Don’t think you’re unusual because there are thousands of students or </a:t>
            </a:r>
          </a:p>
          <a:p>
            <a:pPr marL="0" indent="0">
              <a:buNone/>
            </a:pPr>
            <a:r>
              <a:rPr lang="en-US" sz="2000" dirty="0"/>
              <a:t>in general say people who struggle with. </a:t>
            </a:r>
            <a:endParaRPr lang="en-US" sz="2800" dirty="0">
              <a:solidFill>
                <a:srgbClr val="252525"/>
              </a:solidFill>
              <a:effectLst/>
              <a:latin typeface="Times New Roman"/>
              <a:cs typeface="Times New Roman"/>
            </a:endParaRPr>
          </a:p>
        </p:txBody>
      </p:sp>
      <p:pic>
        <p:nvPicPr>
          <p:cNvPr id="4" name="Picture 4">
            <a:extLst>
              <a:ext uri="{FF2B5EF4-FFF2-40B4-BE49-F238E27FC236}">
                <a16:creationId xmlns:a16="http://schemas.microsoft.com/office/drawing/2014/main" id="{3859E021-3D04-07F0-9EF6-E337479928F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737351" y="1581150"/>
            <a:ext cx="2766469" cy="27575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9383413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rotWithShape="1">
          <a:blip r:embed="rId2">
            <a:duotone>
              <a:schemeClr val="bg2">
                <a:shade val="76000"/>
                <a:satMod val="180000"/>
              </a:schemeClr>
              <a:schemeClr val="bg2">
                <a:tint val="80000"/>
                <a:satMod val="120000"/>
                <a:lumMod val="180000"/>
              </a:schemeClr>
            </a:duotone>
          </a:blip>
          <a:stretch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9" name="Group 8">
            <a:extLst>
              <a:ext uri="{FF2B5EF4-FFF2-40B4-BE49-F238E27FC236}">
                <a16:creationId xmlns:a16="http://schemas.microsoft.com/office/drawing/2014/main" id="{03E2EFC0-DD7B-4696-8C4D-CBBD0FF694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50812" y="0"/>
            <a:ext cx="2436813" cy="6858001"/>
            <a:chOff x="1320800" y="0"/>
            <a:chExt cx="2436813" cy="6858001"/>
          </a:xfrm>
        </p:grpSpPr>
        <p:sp>
          <p:nvSpPr>
            <p:cNvPr id="10" name="Freeform 6">
              <a:extLst>
                <a:ext uri="{FF2B5EF4-FFF2-40B4-BE49-F238E27FC236}">
                  <a16:creationId xmlns:a16="http://schemas.microsoft.com/office/drawing/2014/main" id="{2E0F491A-79B2-427A-9A72-9C3E1C214A9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0"/>
              <a:ext cx="1122363" cy="5329238"/>
            </a:xfrm>
            <a:custGeom>
              <a:avLst/>
              <a:gdLst/>
              <a:ahLst/>
              <a:cxnLst/>
              <a:rect l="0" t="0" r="r" b="b"/>
              <a:pathLst>
                <a:path w="707" h="3357">
                  <a:moveTo>
                    <a:pt x="0" y="3330"/>
                  </a:moveTo>
                  <a:lnTo>
                    <a:pt x="156" y="3357"/>
                  </a:lnTo>
                  <a:lnTo>
                    <a:pt x="707" y="0"/>
                  </a:lnTo>
                  <a:lnTo>
                    <a:pt x="547" y="0"/>
                  </a:lnTo>
                  <a:lnTo>
                    <a:pt x="0" y="333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</p:sp>
        <p:sp>
          <p:nvSpPr>
            <p:cNvPr id="11" name="Freeform 7">
              <a:extLst>
                <a:ext uri="{FF2B5EF4-FFF2-40B4-BE49-F238E27FC236}">
                  <a16:creationId xmlns:a16="http://schemas.microsoft.com/office/drawing/2014/main" id="{8CDDFD44-B082-4517-A31A-0A703642135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0"/>
              <a:ext cx="1117600" cy="5276850"/>
            </a:xfrm>
            <a:custGeom>
              <a:avLst/>
              <a:gdLst/>
              <a:ahLst/>
              <a:cxnLst/>
              <a:rect l="0" t="0" r="r" b="b"/>
              <a:pathLst>
                <a:path w="704" h="3324">
                  <a:moveTo>
                    <a:pt x="704" y="0"/>
                  </a:moveTo>
                  <a:lnTo>
                    <a:pt x="545" y="0"/>
                  </a:lnTo>
                  <a:lnTo>
                    <a:pt x="0" y="3300"/>
                  </a:lnTo>
                  <a:lnTo>
                    <a:pt x="157" y="3324"/>
                  </a:lnTo>
                  <a:lnTo>
                    <a:pt x="704" y="0"/>
                  </a:lnTo>
                  <a:close/>
                </a:path>
              </a:pathLst>
            </a:custGeom>
            <a:solidFill>
              <a:schemeClr val="tx1">
                <a:lumMod val="65000"/>
                <a:lumOff val="35000"/>
              </a:schemeClr>
            </a:solidFill>
            <a:ln>
              <a:noFill/>
            </a:ln>
          </p:spPr>
        </p:sp>
        <p:sp>
          <p:nvSpPr>
            <p:cNvPr id="12" name="Freeform 8">
              <a:extLst>
                <a:ext uri="{FF2B5EF4-FFF2-40B4-BE49-F238E27FC236}">
                  <a16:creationId xmlns:a16="http://schemas.microsoft.com/office/drawing/2014/main" id="{23474B14-4CD5-43AB-AC72-034F140B524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5238750"/>
              <a:ext cx="1228725" cy="1619250"/>
            </a:xfrm>
            <a:custGeom>
              <a:avLst/>
              <a:gdLst/>
              <a:ahLst/>
              <a:cxnLst/>
              <a:rect l="0" t="0" r="r" b="b"/>
              <a:pathLst>
                <a:path w="774" h="1020">
                  <a:moveTo>
                    <a:pt x="0" y="0"/>
                  </a:moveTo>
                  <a:lnTo>
                    <a:pt x="740" y="1020"/>
                  </a:lnTo>
                  <a:lnTo>
                    <a:pt x="774" y="102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tx1">
                <a:lumMod val="85000"/>
                <a:lumOff val="15000"/>
              </a:schemeClr>
            </a:solidFill>
            <a:ln>
              <a:noFill/>
            </a:ln>
          </p:spPr>
        </p:sp>
        <p:sp>
          <p:nvSpPr>
            <p:cNvPr id="13" name="Freeform 9">
              <a:extLst>
                <a:ext uri="{FF2B5EF4-FFF2-40B4-BE49-F238E27FC236}">
                  <a16:creationId xmlns:a16="http://schemas.microsoft.com/office/drawing/2014/main" id="{6C60DB51-0AC8-4CCF-8C21-64173631ED1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5291138"/>
              <a:ext cx="1495425" cy="1566863"/>
            </a:xfrm>
            <a:custGeom>
              <a:avLst/>
              <a:gdLst/>
              <a:ahLst/>
              <a:cxnLst/>
              <a:rect l="0" t="0" r="r" b="b"/>
              <a:pathLst>
                <a:path w="942" h="987">
                  <a:moveTo>
                    <a:pt x="0" y="0"/>
                  </a:moveTo>
                  <a:lnTo>
                    <a:pt x="909" y="987"/>
                  </a:lnTo>
                  <a:lnTo>
                    <a:pt x="942" y="98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lumMod val="50000"/>
              </a:schemeClr>
            </a:solidFill>
            <a:ln>
              <a:noFill/>
            </a:ln>
          </p:spPr>
        </p:sp>
        <p:sp>
          <p:nvSpPr>
            <p:cNvPr id="14" name="Freeform 10">
              <a:extLst>
                <a:ext uri="{FF2B5EF4-FFF2-40B4-BE49-F238E27FC236}">
                  <a16:creationId xmlns:a16="http://schemas.microsoft.com/office/drawing/2014/main" id="{3DC754C2-4084-44FC-9301-77EE812A489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5286375"/>
              <a:ext cx="2130425" cy="1571625"/>
            </a:xfrm>
            <a:custGeom>
              <a:avLst/>
              <a:gdLst/>
              <a:ahLst/>
              <a:cxnLst/>
              <a:rect l="0" t="0" r="r" b="b"/>
              <a:pathLst>
                <a:path w="1342" h="990">
                  <a:moveTo>
                    <a:pt x="0" y="3"/>
                  </a:moveTo>
                  <a:lnTo>
                    <a:pt x="942" y="990"/>
                  </a:lnTo>
                  <a:lnTo>
                    <a:pt x="1342" y="990"/>
                  </a:lnTo>
                  <a:lnTo>
                    <a:pt x="156" y="27"/>
                  </a:lnTo>
                  <a:lnTo>
                    <a:pt x="0" y="0"/>
                  </a:lnTo>
                  <a:lnTo>
                    <a:pt x="0" y="3"/>
                  </a:lnTo>
                  <a:close/>
                </a:path>
              </a:pathLst>
            </a:custGeom>
            <a:solidFill>
              <a:schemeClr val="accent1">
                <a:lumMod val="75000"/>
              </a:schemeClr>
            </a:solidFill>
            <a:ln>
              <a:noFill/>
            </a:ln>
          </p:spPr>
        </p:sp>
        <p:sp>
          <p:nvSpPr>
            <p:cNvPr id="15" name="Freeform 11">
              <a:extLst>
                <a:ext uri="{FF2B5EF4-FFF2-40B4-BE49-F238E27FC236}">
                  <a16:creationId xmlns:a16="http://schemas.microsoft.com/office/drawing/2014/main" id="{73EAB3B3-FF97-4E80-B54D-52CE1CB2676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5238750"/>
              <a:ext cx="1695450" cy="1619250"/>
            </a:xfrm>
            <a:custGeom>
              <a:avLst/>
              <a:gdLst/>
              <a:ahLst/>
              <a:cxnLst/>
              <a:rect l="0" t="0" r="r" b="b"/>
              <a:pathLst>
                <a:path w="1068" h="1020">
                  <a:moveTo>
                    <a:pt x="1068" y="1020"/>
                  </a:moveTo>
                  <a:lnTo>
                    <a:pt x="184" y="60"/>
                  </a:lnTo>
                  <a:lnTo>
                    <a:pt x="154" y="27"/>
                  </a:lnTo>
                  <a:lnTo>
                    <a:pt x="157" y="27"/>
                  </a:lnTo>
                  <a:lnTo>
                    <a:pt x="157" y="24"/>
                  </a:lnTo>
                  <a:lnTo>
                    <a:pt x="154" y="24"/>
                  </a:lnTo>
                  <a:lnTo>
                    <a:pt x="0" y="0"/>
                  </a:lnTo>
                  <a:lnTo>
                    <a:pt x="0" y="0"/>
                  </a:lnTo>
                  <a:lnTo>
                    <a:pt x="774" y="1020"/>
                  </a:lnTo>
                  <a:lnTo>
                    <a:pt x="1068" y="1020"/>
                  </a:lnTo>
                  <a:close/>
                </a:path>
              </a:pathLst>
            </a:cu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779E3899-A5F0-4F47-80A7-71ADC748D56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12" y="685800"/>
            <a:ext cx="4278928" cy="1752599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SOLUTION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96EE638-7C24-43C3-9263-D0455820DAEA}"/>
              </a:ext>
            </a:extLst>
          </p:cNvPr>
          <p:cNvSpPr txBox="1"/>
          <p:nvPr/>
        </p:nvSpPr>
        <p:spPr>
          <a:xfrm>
            <a:off x="1379537" y="2214563"/>
            <a:ext cx="4717077" cy="3398044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>
              <a:spcBef>
                <a:spcPct val="20000"/>
              </a:spcBef>
              <a:spcAft>
                <a:spcPts val="600"/>
              </a:spcAft>
              <a:buClr>
                <a:schemeClr val="accent1">
                  <a:lumMod val="75000"/>
                </a:schemeClr>
              </a:buClr>
              <a:buSzPct val="145000"/>
              <a:buFont typeface="Arial"/>
              <a:buChar char="•"/>
            </a:pPr>
            <a:r>
              <a:rPr lang="en-US" sz="2000" dirty="0"/>
              <a:t>CONNECT</a:t>
            </a:r>
            <a:r>
              <a:rPr lang="en-US" sz="2000" b="0" i="0" dirty="0"/>
              <a:t> is the </a:t>
            </a:r>
            <a:r>
              <a:rPr lang="en-US" sz="2000" dirty="0"/>
              <a:t>go-to</a:t>
            </a:r>
            <a:r>
              <a:rPr lang="en-US" sz="2000" b="0" i="0" dirty="0"/>
              <a:t> app </a:t>
            </a:r>
            <a:r>
              <a:rPr lang="en-US" sz="2000" dirty="0"/>
              <a:t>that helps</a:t>
            </a:r>
            <a:r>
              <a:rPr lang="en-US" sz="2000" b="0" i="0" dirty="0"/>
              <a:t> </a:t>
            </a:r>
            <a:r>
              <a:rPr lang="en-US" sz="2000" dirty="0"/>
              <a:t>one to add a task </a:t>
            </a:r>
            <a:r>
              <a:rPr lang="en-US" sz="2000" b="0" i="0" dirty="0"/>
              <a:t>based on a particular category.</a:t>
            </a:r>
            <a:r>
              <a:rPr lang="en-US" sz="2000" dirty="0"/>
              <a:t> It also helps you track what tasks are to be done and by when they should be submitted.</a:t>
            </a:r>
          </a:p>
          <a:p>
            <a:pPr>
              <a:spcBef>
                <a:spcPct val="20000"/>
              </a:spcBef>
              <a:spcAft>
                <a:spcPts val="600"/>
              </a:spcAft>
              <a:buClr>
                <a:schemeClr val="accent1">
                  <a:lumMod val="75000"/>
                </a:schemeClr>
              </a:buClr>
              <a:buSzPct val="145000"/>
              <a:buFont typeface="Arial"/>
              <a:buChar char="•"/>
            </a:pPr>
            <a:r>
              <a:rPr lang="en-US" sz="2000" dirty="0"/>
              <a:t>It helps in reminding the deadlines and connecting with people who are involved in the task and work on it collaboratively. </a:t>
            </a:r>
            <a:endParaRPr lang="en-US" sz="2000" b="0" i="0" dirty="0"/>
          </a:p>
        </p:txBody>
      </p:sp>
      <p:sp>
        <p:nvSpPr>
          <p:cNvPr id="17" name="Rounded Rectangle 16">
            <a:extLst>
              <a:ext uri="{FF2B5EF4-FFF2-40B4-BE49-F238E27FC236}">
                <a16:creationId xmlns:a16="http://schemas.microsoft.com/office/drawing/2014/main" id="{D2B7F823-B53C-4005-8901-18403A29B2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096000" y="648931"/>
            <a:ext cx="5407023" cy="5231964"/>
          </a:xfrm>
          <a:prstGeom prst="roundRect">
            <a:avLst>
              <a:gd name="adj" fmla="val 4834"/>
            </a:avLst>
          </a:prstGeom>
          <a:solidFill>
            <a:schemeClr val="bg1"/>
          </a:solidFill>
          <a:ln w="38100">
            <a:gradFill flip="none" rotWithShape="1">
              <a:gsLst>
                <a:gs pos="0">
                  <a:schemeClr val="bg2"/>
                </a:gs>
                <a:gs pos="100000">
                  <a:schemeClr val="bg2">
                    <a:lumMod val="75000"/>
                  </a:schemeClr>
                </a:gs>
              </a:gsLst>
              <a:lin ang="5400000" scaled="0"/>
              <a:tileRect/>
            </a:gradFill>
          </a:ln>
          <a:effectLst>
            <a:innerShdw blurRad="57150" dist="38100" dir="14460000">
              <a:srgbClr val="000000">
                <a:alpha val="70000"/>
              </a:srgbClr>
            </a:inn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3" name="Picture 4" descr="A picture containing shape&#10;&#10;Description automatically generated">
            <a:extLst>
              <a:ext uri="{FF2B5EF4-FFF2-40B4-BE49-F238E27FC236}">
                <a16:creationId xmlns:a16="http://schemas.microsoft.com/office/drawing/2014/main" id="{E20465F5-3BFE-39DA-6203-23AE8008293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33130" y="1011765"/>
            <a:ext cx="4546708" cy="45467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950616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rotWithShape="1">
          <a:blip r:embed="rId2">
            <a:duotone>
              <a:schemeClr val="bg2">
                <a:shade val="76000"/>
                <a:satMod val="180000"/>
              </a:schemeClr>
              <a:schemeClr val="bg2">
                <a:tint val="80000"/>
                <a:satMod val="120000"/>
                <a:lumMod val="180000"/>
              </a:schemeClr>
            </a:duotone>
          </a:blip>
          <a:stretch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" name="Group 9">
            <a:extLst>
              <a:ext uri="{FF2B5EF4-FFF2-40B4-BE49-F238E27FC236}">
                <a16:creationId xmlns:a16="http://schemas.microsoft.com/office/drawing/2014/main" id="{03E2EFC0-DD7B-4696-8C4D-CBBD0FF694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50812" y="0"/>
            <a:ext cx="2436813" cy="6858001"/>
            <a:chOff x="1320800" y="0"/>
            <a:chExt cx="2436813" cy="6858001"/>
          </a:xfrm>
        </p:grpSpPr>
        <p:sp>
          <p:nvSpPr>
            <p:cNvPr id="11" name="Freeform 6">
              <a:extLst>
                <a:ext uri="{FF2B5EF4-FFF2-40B4-BE49-F238E27FC236}">
                  <a16:creationId xmlns:a16="http://schemas.microsoft.com/office/drawing/2014/main" id="{2E0F491A-79B2-427A-9A72-9C3E1C214A9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0"/>
              <a:ext cx="1122363" cy="5329238"/>
            </a:xfrm>
            <a:custGeom>
              <a:avLst/>
              <a:gdLst/>
              <a:ahLst/>
              <a:cxnLst/>
              <a:rect l="0" t="0" r="r" b="b"/>
              <a:pathLst>
                <a:path w="707" h="3357">
                  <a:moveTo>
                    <a:pt x="0" y="3330"/>
                  </a:moveTo>
                  <a:lnTo>
                    <a:pt x="156" y="3357"/>
                  </a:lnTo>
                  <a:lnTo>
                    <a:pt x="707" y="0"/>
                  </a:lnTo>
                  <a:lnTo>
                    <a:pt x="547" y="0"/>
                  </a:lnTo>
                  <a:lnTo>
                    <a:pt x="0" y="3330"/>
                  </a:ln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</p:sp>
        <p:sp>
          <p:nvSpPr>
            <p:cNvPr id="12" name="Freeform 7">
              <a:extLst>
                <a:ext uri="{FF2B5EF4-FFF2-40B4-BE49-F238E27FC236}">
                  <a16:creationId xmlns:a16="http://schemas.microsoft.com/office/drawing/2014/main" id="{8CDDFD44-B082-4517-A31A-0A703642135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0"/>
              <a:ext cx="1117600" cy="5276850"/>
            </a:xfrm>
            <a:custGeom>
              <a:avLst/>
              <a:gdLst/>
              <a:ahLst/>
              <a:cxnLst/>
              <a:rect l="0" t="0" r="r" b="b"/>
              <a:pathLst>
                <a:path w="704" h="3324">
                  <a:moveTo>
                    <a:pt x="704" y="0"/>
                  </a:moveTo>
                  <a:lnTo>
                    <a:pt x="545" y="0"/>
                  </a:lnTo>
                  <a:lnTo>
                    <a:pt x="0" y="3300"/>
                  </a:lnTo>
                  <a:lnTo>
                    <a:pt x="157" y="3324"/>
                  </a:lnTo>
                  <a:lnTo>
                    <a:pt x="704" y="0"/>
                  </a:lnTo>
                  <a:close/>
                </a:path>
              </a:pathLst>
            </a:custGeom>
            <a:solidFill>
              <a:schemeClr val="tx1">
                <a:lumMod val="65000"/>
                <a:lumOff val="35000"/>
              </a:schemeClr>
            </a:solidFill>
            <a:ln>
              <a:noFill/>
            </a:ln>
          </p:spPr>
        </p:sp>
        <p:sp>
          <p:nvSpPr>
            <p:cNvPr id="13" name="Freeform 8">
              <a:extLst>
                <a:ext uri="{FF2B5EF4-FFF2-40B4-BE49-F238E27FC236}">
                  <a16:creationId xmlns:a16="http://schemas.microsoft.com/office/drawing/2014/main" id="{23474B14-4CD5-43AB-AC72-034F140B524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5238750"/>
              <a:ext cx="1228725" cy="1619250"/>
            </a:xfrm>
            <a:custGeom>
              <a:avLst/>
              <a:gdLst/>
              <a:ahLst/>
              <a:cxnLst/>
              <a:rect l="0" t="0" r="r" b="b"/>
              <a:pathLst>
                <a:path w="774" h="1020">
                  <a:moveTo>
                    <a:pt x="0" y="0"/>
                  </a:moveTo>
                  <a:lnTo>
                    <a:pt x="740" y="1020"/>
                  </a:lnTo>
                  <a:lnTo>
                    <a:pt x="774" y="102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tx1">
                <a:lumMod val="85000"/>
                <a:lumOff val="15000"/>
              </a:schemeClr>
            </a:solidFill>
            <a:ln>
              <a:noFill/>
            </a:ln>
          </p:spPr>
        </p:sp>
        <p:sp>
          <p:nvSpPr>
            <p:cNvPr id="14" name="Freeform 9">
              <a:extLst>
                <a:ext uri="{FF2B5EF4-FFF2-40B4-BE49-F238E27FC236}">
                  <a16:creationId xmlns:a16="http://schemas.microsoft.com/office/drawing/2014/main" id="{6C60DB51-0AC8-4CCF-8C21-64173631ED1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5291138"/>
              <a:ext cx="1495425" cy="1566863"/>
            </a:xfrm>
            <a:custGeom>
              <a:avLst/>
              <a:gdLst/>
              <a:ahLst/>
              <a:cxnLst/>
              <a:rect l="0" t="0" r="r" b="b"/>
              <a:pathLst>
                <a:path w="942" h="987">
                  <a:moveTo>
                    <a:pt x="0" y="0"/>
                  </a:moveTo>
                  <a:lnTo>
                    <a:pt x="909" y="987"/>
                  </a:lnTo>
                  <a:lnTo>
                    <a:pt x="942" y="98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lumMod val="50000"/>
              </a:schemeClr>
            </a:solidFill>
            <a:ln>
              <a:noFill/>
            </a:ln>
          </p:spPr>
        </p:sp>
        <p:sp>
          <p:nvSpPr>
            <p:cNvPr id="15" name="Freeform 10">
              <a:extLst>
                <a:ext uri="{FF2B5EF4-FFF2-40B4-BE49-F238E27FC236}">
                  <a16:creationId xmlns:a16="http://schemas.microsoft.com/office/drawing/2014/main" id="{3DC754C2-4084-44FC-9301-77EE812A489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627188" y="5286375"/>
              <a:ext cx="2130425" cy="1571625"/>
            </a:xfrm>
            <a:custGeom>
              <a:avLst/>
              <a:gdLst/>
              <a:ahLst/>
              <a:cxnLst/>
              <a:rect l="0" t="0" r="r" b="b"/>
              <a:pathLst>
                <a:path w="1342" h="990">
                  <a:moveTo>
                    <a:pt x="0" y="3"/>
                  </a:moveTo>
                  <a:lnTo>
                    <a:pt x="942" y="990"/>
                  </a:lnTo>
                  <a:lnTo>
                    <a:pt x="1342" y="990"/>
                  </a:lnTo>
                  <a:lnTo>
                    <a:pt x="156" y="27"/>
                  </a:lnTo>
                  <a:lnTo>
                    <a:pt x="0" y="0"/>
                  </a:lnTo>
                  <a:lnTo>
                    <a:pt x="0" y="3"/>
                  </a:lnTo>
                  <a:close/>
                </a:path>
              </a:pathLst>
            </a:custGeom>
            <a:solidFill>
              <a:schemeClr val="accent1">
                <a:lumMod val="75000"/>
              </a:schemeClr>
            </a:solidFill>
            <a:ln>
              <a:noFill/>
            </a:ln>
          </p:spPr>
        </p:sp>
        <p:sp>
          <p:nvSpPr>
            <p:cNvPr id="16" name="Freeform 11">
              <a:extLst>
                <a:ext uri="{FF2B5EF4-FFF2-40B4-BE49-F238E27FC236}">
                  <a16:creationId xmlns:a16="http://schemas.microsoft.com/office/drawing/2014/main" id="{73EAB3B3-FF97-4E80-B54D-52CE1CB2676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 bwMode="auto">
            <a:xfrm>
              <a:off x="1320800" y="5238750"/>
              <a:ext cx="1695450" cy="1619250"/>
            </a:xfrm>
            <a:custGeom>
              <a:avLst/>
              <a:gdLst/>
              <a:ahLst/>
              <a:cxnLst/>
              <a:rect l="0" t="0" r="r" b="b"/>
              <a:pathLst>
                <a:path w="1068" h="1020">
                  <a:moveTo>
                    <a:pt x="1068" y="1020"/>
                  </a:moveTo>
                  <a:lnTo>
                    <a:pt x="184" y="60"/>
                  </a:lnTo>
                  <a:lnTo>
                    <a:pt x="154" y="27"/>
                  </a:lnTo>
                  <a:lnTo>
                    <a:pt x="157" y="27"/>
                  </a:lnTo>
                  <a:lnTo>
                    <a:pt x="157" y="24"/>
                  </a:lnTo>
                  <a:lnTo>
                    <a:pt x="154" y="24"/>
                  </a:lnTo>
                  <a:lnTo>
                    <a:pt x="0" y="0"/>
                  </a:lnTo>
                  <a:lnTo>
                    <a:pt x="0" y="0"/>
                  </a:lnTo>
                  <a:lnTo>
                    <a:pt x="774" y="1020"/>
                  </a:lnTo>
                  <a:lnTo>
                    <a:pt x="1068" y="1020"/>
                  </a:lnTo>
                  <a:close/>
                </a:path>
              </a:pathLst>
            </a:cu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38DFF245-A2C2-432B-8247-26E0E4A714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12" y="685800"/>
            <a:ext cx="4278928" cy="1752599"/>
          </a:xfrm>
        </p:spPr>
        <p:txBody>
          <a:bodyPr>
            <a:normAutofit/>
          </a:bodyPr>
          <a:lstStyle/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FEATURES</a:t>
            </a:r>
            <a:endParaRPr lang="en-IN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3127565-6DD8-4439-960E-3574F7AB89A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84310" y="2393155"/>
            <a:ext cx="4278929" cy="3124201"/>
          </a:xfrm>
        </p:spPr>
        <p:txBody>
          <a:bodyPr vert="horz" lIns="91440" tIns="45720" rIns="91440" bIns="45720" rtlCol="0">
            <a:normAutofit/>
          </a:bodyPr>
          <a:lstStyle/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dirty="0">
                <a:cs typeface="Times New Roman"/>
              </a:rPr>
              <a:t>Sign-in/Sign-up</a:t>
            </a:r>
          </a:p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b="0" i="0" dirty="0">
                <a:effectLst/>
                <a:cs typeface="Times New Roman"/>
              </a:rPr>
              <a:t>Keep track of tasks</a:t>
            </a:r>
          </a:p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dirty="0">
                <a:cs typeface="Times New Roman"/>
              </a:rPr>
              <a:t>Categorize the tasks</a:t>
            </a:r>
            <a:endParaRPr lang="en-US" sz="2000" b="0" i="0" dirty="0">
              <a:effectLst/>
              <a:cs typeface="Times New Roman"/>
            </a:endParaRPr>
          </a:p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dirty="0">
                <a:cs typeface="Times New Roman"/>
              </a:rPr>
              <a:t>Creating tasks based on categories</a:t>
            </a:r>
          </a:p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b="0" i="0" dirty="0">
                <a:effectLst/>
                <a:cs typeface="Times New Roman"/>
              </a:rPr>
              <a:t>Chatting with team members</a:t>
            </a:r>
          </a:p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b="0" i="0" dirty="0">
                <a:effectLst/>
                <a:cs typeface="Times New Roman"/>
              </a:rPr>
              <a:t>Remainders of the deadlines</a:t>
            </a:r>
          </a:p>
        </p:txBody>
      </p:sp>
      <p:sp>
        <p:nvSpPr>
          <p:cNvPr id="18" name="Rounded Rectangle 16">
            <a:extLst>
              <a:ext uri="{FF2B5EF4-FFF2-40B4-BE49-F238E27FC236}">
                <a16:creationId xmlns:a16="http://schemas.microsoft.com/office/drawing/2014/main" id="{D2B7F823-B53C-4005-8901-18403A29B2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096000" y="648931"/>
            <a:ext cx="5407023" cy="5231964"/>
          </a:xfrm>
          <a:prstGeom prst="roundRect">
            <a:avLst>
              <a:gd name="adj" fmla="val 4834"/>
            </a:avLst>
          </a:prstGeom>
          <a:solidFill>
            <a:schemeClr val="bg1"/>
          </a:solidFill>
          <a:ln w="38100">
            <a:gradFill flip="none" rotWithShape="1">
              <a:gsLst>
                <a:gs pos="0">
                  <a:schemeClr val="bg2"/>
                </a:gs>
                <a:gs pos="100000">
                  <a:schemeClr val="bg2">
                    <a:lumMod val="75000"/>
                  </a:schemeClr>
                </a:gs>
              </a:gsLst>
              <a:lin ang="5400000" scaled="0"/>
              <a:tileRect/>
            </a:gradFill>
          </a:ln>
          <a:effectLst>
            <a:innerShdw blurRad="57150" dist="38100" dir="14460000">
              <a:srgbClr val="000000">
                <a:alpha val="70000"/>
              </a:srgbClr>
            </a:inn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Picture 5" descr="A picture containing text&#10;&#10;Description automatically generated">
            <a:extLst>
              <a:ext uri="{FF2B5EF4-FFF2-40B4-BE49-F238E27FC236}">
                <a16:creationId xmlns:a16="http://schemas.microsoft.com/office/drawing/2014/main" id="{D899E10E-AD03-8E9F-C75F-FB2B50284E7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33130" y="977105"/>
            <a:ext cx="4546708" cy="45467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2826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95066F8-6C1E-46A5-AAA4-E22AF2730C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11" y="265402"/>
            <a:ext cx="10018713" cy="771897"/>
          </a:xfrm>
        </p:spPr>
        <p:txBody>
          <a:bodyPr/>
          <a:lstStyle/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FRONT END</a:t>
            </a:r>
            <a:endParaRPr lang="en-IN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348768C-AF3F-4814-8909-99D394F0F57C}"/>
              </a:ext>
            </a:extLst>
          </p:cNvPr>
          <p:cNvSpPr txBox="1"/>
          <p:nvPr/>
        </p:nvSpPr>
        <p:spPr>
          <a:xfrm>
            <a:off x="1484311" y="1376346"/>
            <a:ext cx="10390910" cy="2646878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endParaRPr lang="en-US" sz="2300" dirty="0"/>
          </a:p>
          <a:p>
            <a:r>
              <a:rPr lang="en-US" sz="2000" b="1" dirty="0">
                <a:cs typeface="Times New Roman" panose="02020603050405020304" pitchFamily="18" charset="0"/>
              </a:rPr>
              <a:t>FLUTTER</a:t>
            </a:r>
            <a:r>
              <a:rPr lang="en-US" sz="2000" dirty="0">
                <a:cs typeface="Times New Roman" panose="02020603050405020304" pitchFamily="18" charset="0"/>
              </a:rPr>
              <a:t>:   Flutter is an open-source mobile UI framework created by Google which allows us to develop cross platform applications</a:t>
            </a:r>
          </a:p>
          <a:p>
            <a:endParaRPr lang="en-US" sz="2000" dirty="0">
              <a:cs typeface="Times New Roman" panose="02020603050405020304" pitchFamily="18" charset="0"/>
            </a:endParaRPr>
          </a:p>
          <a:p>
            <a:r>
              <a:rPr lang="en-US" sz="2000" b="1" dirty="0">
                <a:cs typeface="Times New Roman" panose="02020603050405020304" pitchFamily="18" charset="0"/>
              </a:rPr>
              <a:t>DART</a:t>
            </a:r>
            <a:r>
              <a:rPr lang="en-US" sz="2000" dirty="0">
                <a:cs typeface="Times New Roman" panose="02020603050405020304" pitchFamily="18" charset="0"/>
              </a:rPr>
              <a:t> : Dart is a programming language designed for client development, such as for the web and mobile apps. It is developed by Google and can also be used to build server and desktop applications.</a:t>
            </a:r>
          </a:p>
          <a:p>
            <a:endParaRPr lang="en-US" sz="2300" dirty="0"/>
          </a:p>
        </p:txBody>
      </p:sp>
      <p:pic>
        <p:nvPicPr>
          <p:cNvPr id="2050" name="Picture 2" descr="Image result for flutter logo">
            <a:extLst>
              <a:ext uri="{FF2B5EF4-FFF2-40B4-BE49-F238E27FC236}">
                <a16:creationId xmlns:a16="http://schemas.microsoft.com/office/drawing/2014/main" id="{68916116-0431-4785-A21D-A6D3151918A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09227" y="4535143"/>
            <a:ext cx="2854659" cy="170233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2" name="Picture 4" descr="Image result for dart logo">
            <a:extLst>
              <a:ext uri="{FF2B5EF4-FFF2-40B4-BE49-F238E27FC236}">
                <a16:creationId xmlns:a16="http://schemas.microsoft.com/office/drawing/2014/main" id="{C1D2B87D-D505-468F-AEFF-579F14A53E0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14582" y="4474750"/>
            <a:ext cx="2728752" cy="181447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181218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F3BC181-8B35-46B6-A6C7-3FC4B46AC0B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84311" y="685801"/>
            <a:ext cx="10018713" cy="742307"/>
          </a:xfrm>
        </p:spPr>
        <p:txBody>
          <a:bodyPr/>
          <a:lstStyle/>
          <a:p>
            <a:r>
              <a:rPr lang="en-US" b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BACKEND</a:t>
            </a:r>
            <a:endParaRPr lang="en-IN" b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8744A2F-4C3C-4D7C-BB04-C5ABB457345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84310" y="1592495"/>
            <a:ext cx="10018713" cy="1654139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en-US" sz="2000" b="1" dirty="0">
                <a:cs typeface="Times New Roman" panose="02020603050405020304" pitchFamily="18" charset="0"/>
              </a:rPr>
              <a:t>FIREBASE</a:t>
            </a:r>
            <a:r>
              <a:rPr lang="en-US" sz="2000" dirty="0"/>
              <a:t>:    </a:t>
            </a:r>
            <a:r>
              <a:rPr lang="en-US" sz="2000" dirty="0">
                <a:cs typeface="Times New Roman" panose="02020603050405020304" pitchFamily="18" charset="0"/>
              </a:rPr>
              <a:t>Firebase is a set of hosting services for any type of application (Android, iOS, JavaScript, Node.js, Java, Unity, PHP, C++..). It is a platform developed by Google for creating mobile and web applications</a:t>
            </a:r>
            <a:endParaRPr lang="en-IN" sz="2000" dirty="0">
              <a:cs typeface="Times New Roman" panose="02020603050405020304" pitchFamily="18" charset="0"/>
            </a:endParaRPr>
          </a:p>
        </p:txBody>
      </p:sp>
      <p:pic>
        <p:nvPicPr>
          <p:cNvPr id="3074" name="Picture 2" descr="Firebase">
            <a:extLst>
              <a:ext uri="{FF2B5EF4-FFF2-40B4-BE49-F238E27FC236}">
                <a16:creationId xmlns:a16="http://schemas.microsoft.com/office/drawing/2014/main" id="{ADA64A3B-7B82-42B9-98AC-80EB0456F5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904180" y="3411021"/>
            <a:ext cx="4189288" cy="21164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693320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7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00679F9-878F-4616-AF62-43F5743CC7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93642" y="0"/>
            <a:ext cx="10018713" cy="836140"/>
          </a:xfrm>
        </p:spPr>
        <p:txBody>
          <a:bodyPr/>
          <a:lstStyle/>
          <a:p>
            <a:r>
              <a:rPr lang="en-US" b="1">
                <a:latin typeface="Times New Roman" panose="02020603050405020304" pitchFamily="18" charset="0"/>
                <a:cs typeface="Times New Roman" panose="02020603050405020304" pitchFamily="18" charset="0"/>
              </a:rPr>
              <a:t>MOCK UI</a:t>
            </a:r>
            <a:endParaRPr lang="en-IN" b="1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1028" name="Picture 4">
            <a:extLst>
              <a:ext uri="{FF2B5EF4-FFF2-40B4-BE49-F238E27FC236}">
                <a16:creationId xmlns:a16="http://schemas.microsoft.com/office/drawing/2014/main" id="{2D1969AF-0266-45B0-9A00-DA04F05EE09F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85788" y="1114755"/>
            <a:ext cx="2481942" cy="491476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6" name="TextBox 35">
            <a:extLst>
              <a:ext uri="{FF2B5EF4-FFF2-40B4-BE49-F238E27FC236}">
                <a16:creationId xmlns:a16="http://schemas.microsoft.com/office/drawing/2014/main" id="{952E5E65-C8F9-414E-B2A4-8E305E11FFC3}"/>
              </a:ext>
            </a:extLst>
          </p:cNvPr>
          <p:cNvSpPr txBox="1"/>
          <p:nvPr/>
        </p:nvSpPr>
        <p:spPr>
          <a:xfrm>
            <a:off x="6736702" y="6029523"/>
            <a:ext cx="4775653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/>
              <a:t>       </a:t>
            </a:r>
            <a:endParaRPr lang="en-IN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FB9F1348-C5E3-4918-A1A8-A86BDB06BDD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486291" y="1285293"/>
            <a:ext cx="2566549" cy="474423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B67CADEF-14E1-4938-AF9E-FEF04E18C830}"/>
              </a:ext>
            </a:extLst>
          </p:cNvPr>
          <p:cNvSpPr txBox="1"/>
          <p:nvPr/>
        </p:nvSpPr>
        <p:spPr>
          <a:xfrm>
            <a:off x="2273558" y="6142653"/>
            <a:ext cx="299201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1) Welcome or Landing Page</a:t>
            </a:r>
            <a:endParaRPr lang="en-IN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84E9219-FEB8-4743-974E-5EF61BDB9574}"/>
              </a:ext>
            </a:extLst>
          </p:cNvPr>
          <p:cNvSpPr txBox="1"/>
          <p:nvPr/>
        </p:nvSpPr>
        <p:spPr>
          <a:xfrm>
            <a:off x="7504923" y="6142653"/>
            <a:ext cx="299201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2) Sign Up Page</a:t>
            </a:r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321451543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Box 17">
            <a:extLst>
              <a:ext uri="{FF2B5EF4-FFF2-40B4-BE49-F238E27FC236}">
                <a16:creationId xmlns:a16="http://schemas.microsoft.com/office/drawing/2014/main" id="{7D01908F-E089-4845-B49F-52C96A1E6AD6}"/>
              </a:ext>
            </a:extLst>
          </p:cNvPr>
          <p:cNvSpPr txBox="1"/>
          <p:nvPr/>
        </p:nvSpPr>
        <p:spPr>
          <a:xfrm>
            <a:off x="4081240" y="95019"/>
            <a:ext cx="6097554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kumimoji="0" lang="en-US" sz="4000" b="1" i="0" u="none" strike="noStrike" kern="1200" cap="none" spc="0" normalizeH="0" baseline="0" noProof="0">
                <a:ln w="3175" cmpd="sng"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Times New Roman" panose="02020603050405020304" pitchFamily="18" charset="0"/>
                <a:ea typeface="+mj-ea"/>
                <a:cs typeface="Times New Roman" panose="02020603050405020304" pitchFamily="18" charset="0"/>
              </a:rPr>
              <a:t>MOCK UI(Continued…)</a:t>
            </a:r>
            <a:endParaRPr lang="en-IN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8E76AE-C089-40D3-ABEE-01825DCF170B}"/>
              </a:ext>
            </a:extLst>
          </p:cNvPr>
          <p:cNvSpPr txBox="1"/>
          <p:nvPr/>
        </p:nvSpPr>
        <p:spPr>
          <a:xfrm>
            <a:off x="6713806" y="6055567"/>
            <a:ext cx="46178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/>
              <a:t>       </a:t>
            </a:r>
            <a:endParaRPr lang="en-IN"/>
          </a:p>
        </p:txBody>
      </p:sp>
      <p:pic>
        <p:nvPicPr>
          <p:cNvPr id="2050" name="Picture 2" descr="image">
            <a:extLst>
              <a:ext uri="{FF2B5EF4-FFF2-40B4-BE49-F238E27FC236}">
                <a16:creationId xmlns:a16="http://schemas.microsoft.com/office/drawing/2014/main" id="{B0FA4B6A-4E02-4628-B826-777BF121847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53050" y="934887"/>
            <a:ext cx="2690754" cy="503853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2" name="Picture 4">
            <a:extLst>
              <a:ext uri="{FF2B5EF4-FFF2-40B4-BE49-F238E27FC236}">
                <a16:creationId xmlns:a16="http://schemas.microsoft.com/office/drawing/2014/main" id="{049813BD-CE2D-4227-9F7D-D42C2A7D98A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210076" y="934887"/>
            <a:ext cx="2690754" cy="503853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3EB453F8-4402-4C9E-AB4E-B775AC536543}"/>
              </a:ext>
            </a:extLst>
          </p:cNvPr>
          <p:cNvSpPr txBox="1"/>
          <p:nvPr/>
        </p:nvSpPr>
        <p:spPr>
          <a:xfrm>
            <a:off x="2402418" y="6105399"/>
            <a:ext cx="299201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3) Login Page</a:t>
            </a:r>
            <a:endParaRPr lang="en-IN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FE04C45-EF04-4807-88A8-E1CF19555A0D}"/>
              </a:ext>
            </a:extLst>
          </p:cNvPr>
          <p:cNvSpPr txBox="1"/>
          <p:nvPr/>
        </p:nvSpPr>
        <p:spPr>
          <a:xfrm>
            <a:off x="7186777" y="6094243"/>
            <a:ext cx="299201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4) Forgot Password Page</a:t>
            </a:r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421563789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extBox 17">
            <a:extLst>
              <a:ext uri="{FF2B5EF4-FFF2-40B4-BE49-F238E27FC236}">
                <a16:creationId xmlns:a16="http://schemas.microsoft.com/office/drawing/2014/main" id="{7D01908F-E089-4845-B49F-52C96A1E6AD6}"/>
              </a:ext>
            </a:extLst>
          </p:cNvPr>
          <p:cNvSpPr txBox="1"/>
          <p:nvPr/>
        </p:nvSpPr>
        <p:spPr>
          <a:xfrm>
            <a:off x="3638456" y="167100"/>
            <a:ext cx="6097554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kumimoji="0" lang="en-US" sz="4000" b="1" i="0" u="none" strike="noStrike" kern="1200" cap="none" spc="0" normalizeH="0" baseline="0" noProof="0">
                <a:ln w="3175" cmpd="sng"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Times New Roman" panose="02020603050405020304" pitchFamily="18" charset="0"/>
                <a:ea typeface="+mj-ea"/>
                <a:cs typeface="Times New Roman" panose="02020603050405020304" pitchFamily="18" charset="0"/>
              </a:rPr>
              <a:t>MOCK UI(Continued…)</a:t>
            </a:r>
            <a:endParaRPr lang="en-IN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E8E76AE-C089-40D3-ABEE-01825DCF170B}"/>
              </a:ext>
            </a:extLst>
          </p:cNvPr>
          <p:cNvSpPr txBox="1"/>
          <p:nvPr/>
        </p:nvSpPr>
        <p:spPr>
          <a:xfrm>
            <a:off x="6096000" y="5764979"/>
            <a:ext cx="544907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/>
              <a:t>       </a:t>
            </a:r>
          </a:p>
        </p:txBody>
      </p:sp>
      <p:pic>
        <p:nvPicPr>
          <p:cNvPr id="3074" name="Picture 2" descr="image">
            <a:extLst>
              <a:ext uri="{FF2B5EF4-FFF2-40B4-BE49-F238E27FC236}">
                <a16:creationId xmlns:a16="http://schemas.microsoft.com/office/drawing/2014/main" id="{C164184C-B845-4F6D-A977-ADB0A84DD2B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7319" y="1023730"/>
            <a:ext cx="2554640" cy="47412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>
            <a:extLst>
              <a:ext uri="{FF2B5EF4-FFF2-40B4-BE49-F238E27FC236}">
                <a16:creationId xmlns:a16="http://schemas.microsoft.com/office/drawing/2014/main" id="{046AA2CF-8D9B-47CA-9D2F-E01C031A8FE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221894" y="1023730"/>
            <a:ext cx="2347972" cy="47412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93756CBD-D968-402B-8AEC-86D44E2EFD85}"/>
              </a:ext>
            </a:extLst>
          </p:cNvPr>
          <p:cNvSpPr txBox="1"/>
          <p:nvPr/>
        </p:nvSpPr>
        <p:spPr>
          <a:xfrm>
            <a:off x="2157319" y="5899161"/>
            <a:ext cx="299201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5)Authentication Page</a:t>
            </a:r>
            <a:endParaRPr lang="en-IN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DD703D-4A2F-4624-B1B1-3E39C4F2DF90}"/>
              </a:ext>
            </a:extLst>
          </p:cNvPr>
          <p:cNvSpPr txBox="1"/>
          <p:nvPr/>
        </p:nvSpPr>
        <p:spPr>
          <a:xfrm>
            <a:off x="7113037" y="5834270"/>
            <a:ext cx="299201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(6) Task List Landing Page</a:t>
            </a:r>
            <a:endParaRPr lang="en-IN" dirty="0"/>
          </a:p>
        </p:txBody>
      </p:sp>
    </p:spTree>
    <p:extLst>
      <p:ext uri="{BB962C8B-B14F-4D97-AF65-F5344CB8AC3E}">
        <p14:creationId xmlns:p14="http://schemas.microsoft.com/office/powerpoint/2010/main" val="4119768863"/>
      </p:ext>
    </p:extLst>
  </p:cSld>
  <p:clrMapOvr>
    <a:masterClrMapping/>
  </p:clrMapOvr>
</p:sld>
</file>

<file path=ppt/theme/_rels/theme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jpeg"/></Relationships>
</file>

<file path=ppt/theme/theme1.xml><?xml version="1.0" encoding="utf-8"?>
<a:theme xmlns:a="http://schemas.openxmlformats.org/drawingml/2006/main" name="Parallax">
  <a:themeElements>
    <a:clrScheme name="Parallax">
      <a:dk1>
        <a:sysClr val="windowText" lastClr="000000"/>
      </a:dk1>
      <a:lt1>
        <a:sysClr val="window" lastClr="FFFFFF"/>
      </a:lt1>
      <a:dk2>
        <a:srgbClr val="212121"/>
      </a:dk2>
      <a:lt2>
        <a:srgbClr val="CDD0D1"/>
      </a:lt2>
      <a:accent1>
        <a:srgbClr val="BC1C1C"/>
      </a:accent1>
      <a:accent2>
        <a:srgbClr val="F67534"/>
      </a:accent2>
      <a:accent3>
        <a:srgbClr val="EAAC35"/>
      </a:accent3>
      <a:accent4>
        <a:srgbClr val="9BAF68"/>
      </a:accent4>
      <a:accent5>
        <a:srgbClr val="68B9A6"/>
      </a:accent5>
      <a:accent6>
        <a:srgbClr val="50B1D4"/>
      </a:accent6>
      <a:hlink>
        <a:srgbClr val="E46416"/>
      </a:hlink>
      <a:folHlink>
        <a:srgbClr val="EE9340"/>
      </a:folHlink>
    </a:clrScheme>
    <a:fontScheme name="Parallax">
      <a:majorFont>
        <a:latin typeface="Corbel" panose="020B0503020204020204"/>
        <a:ea typeface=""/>
        <a:cs typeface=""/>
        <a:font script="Jpan" typeface="HGｺﾞｼｯｸM"/>
        <a:font script="Hang" typeface="HY엽서L"/>
        <a:font script="Hans" typeface="华文楷体"/>
        <a:font script="Hant" typeface="新細明體"/>
        <a:font script="Arab" typeface="Tahoma"/>
        <a:font script="Hebr" typeface="Miriam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Corbel" panose="020B0503020204020204"/>
        <a:ea typeface=""/>
        <a:cs typeface=""/>
        <a:font script="Jpan" typeface="HGｺﾞｼｯｸM"/>
        <a:font script="Hang" typeface="HY엽서L"/>
        <a:font script="Hans" typeface="华文楷体"/>
        <a:font script="Hant" typeface="新細明體"/>
        <a:font script="Arab" typeface="Tahoma"/>
        <a:font script="Hebr" typeface="Miriam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Parallax">
      <a:fillStyleLst>
        <a:solidFill>
          <a:schemeClr val="phClr"/>
        </a:solidFill>
        <a:gradFill rotWithShape="1">
          <a:gsLst>
            <a:gs pos="0">
              <a:schemeClr val="phClr">
                <a:tint val="60000"/>
                <a:lumMod val="104000"/>
              </a:schemeClr>
            </a:gs>
            <a:gs pos="100000">
              <a:schemeClr val="phClr">
                <a:tint val="84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2000"/>
              </a:schemeClr>
            </a:gs>
            <a:gs pos="100000">
              <a:schemeClr val="phClr">
                <a:shade val="88000"/>
                <a:lumMod val="94000"/>
              </a:schemeClr>
            </a:gs>
          </a:gsLst>
          <a:path path="circle">
            <a:fillToRect l="50000" t="100000" r="100000" b="50000"/>
          </a:path>
        </a:gradFill>
      </a:fillStyleLst>
      <a:lnStyleLst>
        <a:ln w="9525" cap="rnd" cmpd="sng" algn="ctr">
          <a:solidFill>
            <a:schemeClr val="phClr">
              <a:tint val="60000"/>
            </a:schemeClr>
          </a:solidFill>
          <a:prstDash val="solid"/>
        </a:ln>
        <a:ln w="15875" cap="rnd" cmpd="sng" algn="ctr">
          <a:solidFill>
            <a:schemeClr val="phClr"/>
          </a:solidFill>
          <a:prstDash val="solid"/>
        </a:ln>
        <a:ln w="22225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reflection blurRad="12700" stA="26000" endPos="32000" dist="12700" dir="5400000" sy="-100000" rotWithShape="0"/>
          </a:effectLst>
        </a:effectStyle>
        <a:effectStyle>
          <a:effectLst>
            <a:outerShdw blurRad="38100" dist="25400" dir="5400000" rotWithShape="0">
              <a:srgbClr val="000000">
                <a:alpha val="64000"/>
              </a:srgbClr>
            </a:outerShdw>
          </a:effectLst>
          <a:scene3d>
            <a:camera prst="orthographicFront">
              <a:rot lat="0" lon="0" rev="0"/>
            </a:camera>
            <a:lightRig rig="threePt" dir="tl">
              <a:rot lat="0" lon="0" rev="1200000"/>
            </a:lightRig>
          </a:scene3d>
          <a:sp3d>
            <a:bevelT w="25400" h="127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64000"/>
                <a:lumMod val="98000"/>
              </a:schemeClr>
            </a:gs>
          </a:gsLst>
          <a:lin ang="5400000" scaled="0"/>
        </a:gradFill>
        <a:blipFill rotWithShape="1">
          <a:blip xmlns:r="http://schemas.openxmlformats.org/officeDocument/2006/relationships" r:embed="rId1">
            <a:duotone>
              <a:schemeClr val="phClr">
                <a:shade val="76000"/>
                <a:satMod val="180000"/>
              </a:schemeClr>
              <a:schemeClr val="phClr">
                <a:tint val="80000"/>
                <a:satMod val="120000"/>
                <a:lumMod val="180000"/>
              </a:schemeClr>
            </a:duotone>
          </a:blip>
          <a:stretch/>
        </a:blip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arallax" id="{3388167B-A2EB-4685-9635-1831D9AEF8C4}" vid="{93B4CCAC-FD5A-4D59-B1AC-EAF45910B5A9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92431534607716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arallax</Template>
  <TotalTime>0</TotalTime>
  <Words>374</Words>
  <Application>Microsoft Office PowerPoint</Application>
  <PresentationFormat>Widescreen</PresentationFormat>
  <Paragraphs>54</Paragraphs>
  <Slides>1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6" baseType="lpstr">
      <vt:lpstr>Arial</vt:lpstr>
      <vt:lpstr>Corbel</vt:lpstr>
      <vt:lpstr>Times New Roman</vt:lpstr>
      <vt:lpstr>Parallax</vt:lpstr>
      <vt:lpstr>PowerPoint Presentation</vt:lpstr>
      <vt:lpstr>PROBLEM STATEMENT</vt:lpstr>
      <vt:lpstr>SOLUTION</vt:lpstr>
      <vt:lpstr>FEATURES</vt:lpstr>
      <vt:lpstr>FRONT END</vt:lpstr>
      <vt:lpstr>BACKEND</vt:lpstr>
      <vt:lpstr>MOCK UI</vt:lpstr>
      <vt:lpstr>PowerPoint Presentation</vt:lpstr>
      <vt:lpstr>PowerPoint Presentation</vt:lpstr>
      <vt:lpstr>PowerPoint Presentation</vt:lpstr>
      <vt:lpstr>PowerPoint Presentation</vt:lpstr>
      <vt:lpstr>THANK YOU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., Sharadhi</cp:lastModifiedBy>
  <cp:revision>4</cp:revision>
  <dcterms:created xsi:type="dcterms:W3CDTF">2022-11-07T12:04:19Z</dcterms:created>
  <dcterms:modified xsi:type="dcterms:W3CDTF">2022-11-12T17:14:0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8275426522275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